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47B7D12" w14:textId="77777777" w:rsidR="001933A2" w:rsidRDefault="001933A2" w:rsidP="003C4650"/>
    <w:p w14:paraId="7079F500" w14:textId="77777777" w:rsidR="001933A2" w:rsidRDefault="001933A2" w:rsidP="003C4650"/>
    <w:p w14:paraId="11B8FC8F" w14:textId="77777777" w:rsidR="00783A04" w:rsidRDefault="00783A04" w:rsidP="003C4650"/>
    <w:p w14:paraId="00BDC1A9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52" behindDoc="0" locked="1" layoutInCell="1" allowOverlap="1" wp14:anchorId="24DD50FE" wp14:editId="5978DED6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1D67B2" w:rsidRPr="004567BB" w14:paraId="787C41B3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e90db8f6-dc30-4007-8517-93e8165eec69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51602F5" w14:textId="79A84D6F" w:rsidR="001D67B2" w:rsidRPr="00A65A81" w:rsidRDefault="001D67B2">
                                      <w:pPr>
                                        <w:pStyle w:val="DocTitle"/>
                                      </w:pPr>
                                      <w:r w:rsidRPr="00A65A81">
                                        <w:t>Project Information Requirements (PIR)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1D67B2" w:rsidRPr="004567BB" w14:paraId="344651CF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8f9eab02-51eb-4f5d-b260-d73038a476be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51F161EB" w14:textId="25774119" w:rsidR="001D67B2" w:rsidRPr="00A65A81" w:rsidRDefault="001D67B2">
                                      <w:pPr>
                                        <w:pStyle w:val="DocSubTitle"/>
                                      </w:pPr>
                                      <w:r w:rsidRPr="00A65A81">
                                        <w:t>Templat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1D67B2" w:rsidRPr="004567BB" w14:paraId="5E43AE06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08BD3916" w14:textId="2F10FC32" w:rsidR="001D67B2" w:rsidRPr="00A65A81" w:rsidRDefault="001D67B2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1D67B2" w:rsidRPr="00A65A81" w14:paraId="471A447F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0e8ea198-7fbf-4419-91c8-32a6e911c014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6577FC63" w14:textId="4E076987" w:rsidR="001D67B2" w:rsidRPr="00A65A81" w:rsidRDefault="001D67B2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A65A81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55C29081" w14:textId="77777777" w:rsidR="001D67B2" w:rsidRPr="00A65A81" w:rsidRDefault="001D67B2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4DD50FE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5825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1D67B2" w:rsidRPr="004567BB" w14:paraId="787C41B3" w14:textId="77777777" w:rsidTr="000A5025">
                        <w:sdt>
                          <w:sdtPr>
                            <w:alias w:val="Document Title"/>
                            <w:tag w:val="{&quot;templafy&quot;:{&quot;id&quot;:&quot;e90db8f6-dc30-4007-8517-93e8165eec69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451602F5" w14:textId="79A84D6F" w:rsidR="001D67B2" w:rsidRPr="00A65A81" w:rsidRDefault="001D67B2">
                                <w:pPr>
                                  <w:pStyle w:val="DocTitle"/>
                                </w:pPr>
                                <w:r w:rsidRPr="00A65A81">
                                  <w:t>Project Information Requirements (PIR)</w:t>
                                </w:r>
                              </w:p>
                            </w:tc>
                          </w:sdtContent>
                        </w:sdt>
                      </w:tr>
                      <w:tr w:rsidR="001D67B2" w:rsidRPr="004567BB" w14:paraId="344651CF" w14:textId="77777777" w:rsidTr="000A5025">
                        <w:sdt>
                          <w:sdtPr>
                            <w:alias w:val="Document Subtitle"/>
                            <w:tag w:val="{&quot;templafy&quot;:{&quot;id&quot;:&quot;8f9eab02-51eb-4f5d-b260-d73038a476be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51F161EB" w14:textId="25774119" w:rsidR="001D67B2" w:rsidRPr="00A65A81" w:rsidRDefault="001D67B2">
                                <w:pPr>
                                  <w:pStyle w:val="DocSubTitle"/>
                                </w:pPr>
                                <w:r w:rsidRPr="00A65A81">
                                  <w:t>Template</w:t>
                                </w:r>
                              </w:p>
                            </w:tc>
                          </w:sdtContent>
                        </w:sdt>
                      </w:tr>
                      <w:tr w:rsidR="001D67B2" w:rsidRPr="004567BB" w14:paraId="5E43AE06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08BD3916" w14:textId="2F10FC32" w:rsidR="001D67B2" w:rsidRPr="00A65A81" w:rsidRDefault="001D67B2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1D67B2" w:rsidRPr="00A65A81" w14:paraId="471A447F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0e8ea198-7fbf-4419-91c8-32a6e911c014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6577FC63" w14:textId="4E076987" w:rsidR="001D67B2" w:rsidRPr="00A65A81" w:rsidRDefault="001D67B2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A65A81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55C29081" w14:textId="77777777" w:rsidR="001D67B2" w:rsidRPr="00A65A81" w:rsidRDefault="001D67B2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0ABB1D5B" w14:textId="77777777" w:rsidR="00087A17" w:rsidRPr="00204BB8" w:rsidRDefault="00B9660C" w:rsidP="003C4650">
      <w:pPr>
        <w:sectPr w:rsidR="00087A17" w:rsidRPr="00204BB8" w:rsidSect="006A460F">
          <w:headerReference w:type="default" r:id="rId13"/>
          <w:footerReference w:type="default" r:id="rId14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sdt>
      <w:sdtPr>
        <w:alias w:val="Contents"/>
        <w:tag w:val="{&quot;templafy&quot;:{&quot;id&quot;:&quot;2fec311b-4ae4-4e04-afd1-88dcffdfdd3b&quot;}}"/>
        <w:id w:val="-1835292722"/>
        <w:placeholder>
          <w:docPart w:val="C55837C2D1D64E7DBFBE5821A03F2DA4"/>
        </w:placeholder>
      </w:sdtPr>
      <w:sdtEndPr/>
      <w:sdtContent>
        <w:p w14:paraId="71283A13" w14:textId="77777777" w:rsidR="00FC514D" w:rsidRDefault="003B760A">
          <w:pPr>
            <w:pStyle w:val="SecHeadNonToc"/>
          </w:pPr>
          <w:r>
            <w:t>Contents</w:t>
          </w:r>
        </w:p>
      </w:sdtContent>
    </w:sdt>
    <w:sdt>
      <w:sdtPr>
        <w:rPr>
          <w:rFonts w:asciiTheme="minorHAnsi" w:hAnsiTheme="minorHAnsi"/>
          <w:noProof w:val="0"/>
          <w:color w:val="auto"/>
          <w:sz w:val="32"/>
          <w:szCs w:val="20"/>
        </w:rPr>
        <w:alias w:val="Table of Contents"/>
        <w:tag w:val="Table of Contents"/>
        <w:id w:val="15969091"/>
        <w:placeholder>
          <w:docPart w:val="DefaultPlaceholder_-1854013440"/>
        </w:placeholder>
      </w:sdtPr>
      <w:sdtEndPr>
        <w:rPr>
          <w:rFonts w:asciiTheme="majorHAnsi" w:hAnsiTheme="majorHAnsi"/>
          <w:noProof/>
          <w:color w:val="000000" w:themeColor="text1"/>
          <w:sz w:val="24"/>
          <w:szCs w:val="32"/>
        </w:rPr>
      </w:sdtEndPr>
      <w:sdtContent>
        <w:p w14:paraId="2318D09D" w14:textId="5760E135" w:rsidR="00183C09" w:rsidRDefault="00471DC1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r>
            <w:rPr>
              <w:color w:val="2FB6BC" w:themeColor="accent1"/>
              <w:sz w:val="32"/>
            </w:rPr>
            <w:fldChar w:fldCharType="begin"/>
          </w:r>
          <w:r>
            <w:rPr>
              <w:color w:val="2FB6BC" w:themeColor="accent1"/>
              <w:sz w:val="32"/>
            </w:rPr>
            <w:instrText xml:space="preserve"> TOC \o "1-3" \h \z \u </w:instrText>
          </w:r>
          <w:r>
            <w:rPr>
              <w:color w:val="2FB6BC" w:themeColor="accent1"/>
              <w:sz w:val="32"/>
            </w:rPr>
            <w:fldChar w:fldCharType="separate"/>
          </w:r>
          <w:hyperlink w:anchor="_Toc49356656" w:history="1">
            <w:r w:rsidR="00183C09" w:rsidRPr="004A56C6">
              <w:rPr>
                <w:rStyle w:val="Hyperlink"/>
              </w:rPr>
              <w:t>Executive summary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56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1</w:t>
            </w:r>
            <w:r w:rsidR="00183C09">
              <w:rPr>
                <w:webHidden/>
              </w:rPr>
              <w:fldChar w:fldCharType="end"/>
            </w:r>
          </w:hyperlink>
        </w:p>
        <w:p w14:paraId="0A07D78D" w14:textId="424623E1" w:rsidR="00183C09" w:rsidRDefault="00B9660C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49356657" w:history="1">
            <w:r w:rsidR="00183C09" w:rsidRPr="004A56C6">
              <w:rPr>
                <w:rStyle w:val="Hyperlink"/>
              </w:rPr>
              <w:t>1</w:t>
            </w:r>
            <w:r w:rsidR="00183C09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Project scope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57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69E4FEC2" w14:textId="20D4D677" w:rsidR="00183C09" w:rsidRDefault="00B9660C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58" w:history="1">
            <w:r w:rsidR="00183C09" w:rsidRPr="004A56C6">
              <w:rPr>
                <w:rStyle w:val="Hyperlink"/>
              </w:rPr>
              <w:t>1.1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 xml:space="preserve">Project </w:t>
            </w:r>
            <w:r w:rsidR="009F15EB">
              <w:rPr>
                <w:rStyle w:val="Hyperlink"/>
              </w:rPr>
              <w:t>p</w:t>
            </w:r>
            <w:r w:rsidR="00183C09" w:rsidRPr="004A56C6">
              <w:rPr>
                <w:rStyle w:val="Hyperlink"/>
              </w:rPr>
              <w:t>urpose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58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110E3DB5" w14:textId="4319119B" w:rsidR="00183C09" w:rsidRDefault="00B9660C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59" w:history="1">
            <w:r w:rsidR="00183C09" w:rsidRPr="004A56C6">
              <w:rPr>
                <w:rStyle w:val="Hyperlink"/>
              </w:rPr>
              <w:t>1.2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Project objective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59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6A620B70" w14:textId="60172851" w:rsidR="00183C09" w:rsidRDefault="00B9660C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60" w:history="1">
            <w:r w:rsidR="00183C09" w:rsidRPr="004A56C6">
              <w:rPr>
                <w:rStyle w:val="Hyperlink"/>
              </w:rPr>
              <w:t>1.3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 xml:space="preserve">Project details 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0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4E5DBADA" w14:textId="49FDEB42" w:rsidR="00183C09" w:rsidRDefault="00B9660C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61" w:history="1">
            <w:r w:rsidR="00183C09" w:rsidRPr="004A56C6">
              <w:rPr>
                <w:rStyle w:val="Hyperlink"/>
              </w:rPr>
              <w:t>1.4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Legacy information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1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7CD61E00" w14:textId="595A30E1" w:rsidR="00183C09" w:rsidRDefault="00B9660C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49356662" w:history="1">
            <w:r w:rsidR="00183C09" w:rsidRPr="004A56C6">
              <w:rPr>
                <w:rStyle w:val="Hyperlink"/>
              </w:rPr>
              <w:t>2</w:t>
            </w:r>
            <w:r w:rsidR="00183C09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Plan of work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2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3</w:t>
            </w:r>
            <w:r w:rsidR="00183C09">
              <w:rPr>
                <w:webHidden/>
              </w:rPr>
              <w:fldChar w:fldCharType="end"/>
            </w:r>
          </w:hyperlink>
        </w:p>
        <w:p w14:paraId="3D49D9EA" w14:textId="071AC0C9" w:rsidR="00183C09" w:rsidRDefault="00B9660C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63" w:history="1">
            <w:r w:rsidR="00183C09" w:rsidRPr="004A56C6">
              <w:rPr>
                <w:rStyle w:val="Hyperlink"/>
              </w:rPr>
              <w:t>2.1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Information delivery milestone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3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3</w:t>
            </w:r>
            <w:r w:rsidR="00183C09">
              <w:rPr>
                <w:webHidden/>
              </w:rPr>
              <w:fldChar w:fldCharType="end"/>
            </w:r>
          </w:hyperlink>
        </w:p>
        <w:p w14:paraId="5539BFD9" w14:textId="6B5AF66E" w:rsidR="00183C09" w:rsidRDefault="00B9660C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49356664" w:history="1">
            <w:r w:rsidR="00183C09" w:rsidRPr="004A56C6">
              <w:rPr>
                <w:rStyle w:val="Hyperlink"/>
              </w:rPr>
              <w:t>3</w:t>
            </w:r>
            <w:r w:rsidR="00183C09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Information requirement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4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4</w:t>
            </w:r>
            <w:r w:rsidR="00183C09">
              <w:rPr>
                <w:webHidden/>
              </w:rPr>
              <w:fldChar w:fldCharType="end"/>
            </w:r>
          </w:hyperlink>
        </w:p>
        <w:p w14:paraId="2381B982" w14:textId="2E350DA3" w:rsidR="00183C09" w:rsidRDefault="00B9660C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65" w:history="1">
            <w:r w:rsidR="00183C09" w:rsidRPr="004A56C6">
              <w:rPr>
                <w:rStyle w:val="Hyperlink"/>
              </w:rPr>
              <w:t>3.1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Project information requirement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5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4</w:t>
            </w:r>
            <w:r w:rsidR="00183C09">
              <w:rPr>
                <w:webHidden/>
              </w:rPr>
              <w:fldChar w:fldCharType="end"/>
            </w:r>
          </w:hyperlink>
        </w:p>
        <w:p w14:paraId="1CA70448" w14:textId="3D96FF79" w:rsidR="006C1876" w:rsidRDefault="00471DC1" w:rsidP="00471DC1">
          <w:pPr>
            <w:pStyle w:val="TOC5"/>
          </w:pPr>
          <w:r>
            <w:rPr>
              <w:color w:val="2FB6BC" w:themeColor="accent1"/>
              <w:sz w:val="32"/>
            </w:rPr>
            <w:fldChar w:fldCharType="end"/>
          </w:r>
        </w:p>
      </w:sdtContent>
    </w:sdt>
    <w:sdt>
      <w:sdtPr>
        <w:rPr>
          <w:rFonts w:asciiTheme="minorHAnsi" w:hAnsiTheme="minorHAnsi"/>
          <w:noProof w:val="0"/>
          <w:color w:val="auto"/>
          <w:sz w:val="20"/>
          <w:szCs w:val="20"/>
        </w:rPr>
        <w:alias w:val="Table of Tables"/>
        <w:tag w:val="{&quot;templafy&quot;:{&quot;id&quot;:&quot;99a861a3-765d-4f6a-861d-892e30b42062&quot;}}"/>
        <w:id w:val="-1785186321"/>
        <w:placeholder>
          <w:docPart w:val="DefaultPlaceholder_-1854013440"/>
        </w:placeholder>
      </w:sdtPr>
      <w:sdtEndPr/>
      <w:sdtContent>
        <w:p w14:paraId="4E5C0F4E" w14:textId="77777777" w:rsidR="00F12212" w:rsidRPr="00E73816" w:rsidRDefault="00B9660C" w:rsidP="00F12212">
          <w:pPr>
            <w:pStyle w:val="TOC6"/>
          </w:pPr>
          <w:sdt>
            <w:sdtPr>
              <w:alias w:val="Tables"/>
              <w:tag w:val="{&quot;templafy&quot;:{&quot;id&quot;:&quot;760b1ccb-ad97-4091-912c-1b969fdf9fc8&quot;}}"/>
              <w:id w:val="-963421092"/>
              <w:placeholder>
                <w:docPart w:val="DefaultPlaceholder_-1854013440"/>
              </w:placeholder>
            </w:sdtPr>
            <w:sdtEndPr/>
            <w:sdtContent>
              <w:r w:rsidR="00677C0E">
                <w:t>Tables</w:t>
              </w:r>
            </w:sdtContent>
          </w:sdt>
        </w:p>
        <w:p w14:paraId="74D7A1A3" w14:textId="3302E72E" w:rsidR="00D261BE" w:rsidRDefault="00F12212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r w:rsidRPr="00E73816">
            <w:rPr>
              <w:rFonts w:asciiTheme="majorHAnsi" w:hAnsiTheme="majorHAnsi"/>
            </w:rPr>
            <w:fldChar w:fldCharType="begin"/>
          </w:r>
          <w:r w:rsidRPr="00E73816">
            <w:rPr>
              <w:rFonts w:asciiTheme="majorHAnsi" w:hAnsiTheme="majorHAnsi"/>
            </w:rPr>
            <w:instrText xml:space="preserve"> TOC \h \z \c "Table" </w:instrText>
          </w:r>
          <w:r w:rsidRPr="00E73816">
            <w:rPr>
              <w:rFonts w:asciiTheme="majorHAnsi" w:hAnsiTheme="majorHAnsi"/>
            </w:rPr>
            <w:fldChar w:fldCharType="separate"/>
          </w:r>
          <w:hyperlink w:anchor="_Toc49524495" w:history="1">
            <w:r w:rsidR="00D261BE" w:rsidRPr="00486EAA">
              <w:rPr>
                <w:rStyle w:val="Hyperlink"/>
              </w:rPr>
              <w:t>Table 1.1: Legacy information and shared resources</w:t>
            </w:r>
            <w:r w:rsidR="00D261BE">
              <w:rPr>
                <w:webHidden/>
              </w:rPr>
              <w:tab/>
            </w:r>
            <w:r w:rsidR="00D261BE">
              <w:rPr>
                <w:webHidden/>
              </w:rPr>
              <w:fldChar w:fldCharType="begin"/>
            </w:r>
            <w:r w:rsidR="00D261BE">
              <w:rPr>
                <w:webHidden/>
              </w:rPr>
              <w:instrText xml:space="preserve"> PAGEREF _Toc49524495 \h </w:instrText>
            </w:r>
            <w:r w:rsidR="00D261BE">
              <w:rPr>
                <w:webHidden/>
              </w:rPr>
            </w:r>
            <w:r w:rsidR="00D261BE">
              <w:rPr>
                <w:webHidden/>
              </w:rPr>
              <w:fldChar w:fldCharType="separate"/>
            </w:r>
            <w:r w:rsidR="00D261BE">
              <w:rPr>
                <w:webHidden/>
              </w:rPr>
              <w:t>2</w:t>
            </w:r>
            <w:r w:rsidR="00D261BE">
              <w:rPr>
                <w:webHidden/>
              </w:rPr>
              <w:fldChar w:fldCharType="end"/>
            </w:r>
          </w:hyperlink>
        </w:p>
        <w:p w14:paraId="0F60D717" w14:textId="1C451F28" w:rsidR="00D261BE" w:rsidRDefault="00B9660C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49524496" w:history="1">
            <w:r w:rsidR="00D261BE" w:rsidRPr="00486EAA">
              <w:rPr>
                <w:rStyle w:val="Hyperlink"/>
              </w:rPr>
              <w:t>Table 2.1: Information delivery milestones plan</w:t>
            </w:r>
            <w:r w:rsidR="00D261BE">
              <w:rPr>
                <w:webHidden/>
              </w:rPr>
              <w:tab/>
            </w:r>
            <w:r w:rsidR="00D261BE">
              <w:rPr>
                <w:webHidden/>
              </w:rPr>
              <w:fldChar w:fldCharType="begin"/>
            </w:r>
            <w:r w:rsidR="00D261BE">
              <w:rPr>
                <w:webHidden/>
              </w:rPr>
              <w:instrText xml:space="preserve"> PAGEREF _Toc49524496 \h </w:instrText>
            </w:r>
            <w:r w:rsidR="00D261BE">
              <w:rPr>
                <w:webHidden/>
              </w:rPr>
            </w:r>
            <w:r w:rsidR="00D261BE">
              <w:rPr>
                <w:webHidden/>
              </w:rPr>
              <w:fldChar w:fldCharType="separate"/>
            </w:r>
            <w:r w:rsidR="00D261BE">
              <w:rPr>
                <w:webHidden/>
              </w:rPr>
              <w:t>3</w:t>
            </w:r>
            <w:r w:rsidR="00D261BE">
              <w:rPr>
                <w:webHidden/>
              </w:rPr>
              <w:fldChar w:fldCharType="end"/>
            </w:r>
          </w:hyperlink>
        </w:p>
        <w:p w14:paraId="11283DFD" w14:textId="3B0CF3B6" w:rsidR="00D261BE" w:rsidRDefault="00B9660C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49524497" w:history="1">
            <w:r w:rsidR="00D261BE" w:rsidRPr="00486EAA">
              <w:rPr>
                <w:rStyle w:val="Hyperlink"/>
              </w:rPr>
              <w:t>Table 3.1: Information delivery milestones and requirements</w:t>
            </w:r>
            <w:r w:rsidR="00D261BE">
              <w:rPr>
                <w:webHidden/>
              </w:rPr>
              <w:tab/>
            </w:r>
            <w:r w:rsidR="00D261BE">
              <w:rPr>
                <w:webHidden/>
              </w:rPr>
              <w:fldChar w:fldCharType="begin"/>
            </w:r>
            <w:r w:rsidR="00D261BE">
              <w:rPr>
                <w:webHidden/>
              </w:rPr>
              <w:instrText xml:space="preserve"> PAGEREF _Toc49524497 \h </w:instrText>
            </w:r>
            <w:r w:rsidR="00D261BE">
              <w:rPr>
                <w:webHidden/>
              </w:rPr>
            </w:r>
            <w:r w:rsidR="00D261BE">
              <w:rPr>
                <w:webHidden/>
              </w:rPr>
              <w:fldChar w:fldCharType="separate"/>
            </w:r>
            <w:r w:rsidR="00D261BE">
              <w:rPr>
                <w:webHidden/>
              </w:rPr>
              <w:t>5</w:t>
            </w:r>
            <w:r w:rsidR="00D261BE">
              <w:rPr>
                <w:webHidden/>
              </w:rPr>
              <w:fldChar w:fldCharType="end"/>
            </w:r>
          </w:hyperlink>
        </w:p>
        <w:p w14:paraId="4433ABC6" w14:textId="77777777" w:rsidR="00F12212" w:rsidRPr="00E73816" w:rsidRDefault="00F12212" w:rsidP="00F12212">
          <w:r w:rsidRPr="00E73816">
            <w:rPr>
              <w:rFonts w:asciiTheme="majorHAnsi" w:hAnsiTheme="majorHAnsi"/>
            </w:rPr>
            <w:fldChar w:fldCharType="end"/>
          </w:r>
        </w:p>
      </w:sdtContent>
    </w:sdt>
    <w:sdt>
      <w:sdtPr>
        <w:rPr>
          <w:vanish/>
        </w:rPr>
        <w:alias w:val="Table of Figures"/>
        <w:tag w:val="{&quot;templafy&quot;:{&quot;id&quot;:&quot;d290a178-7153-46a5-af8d-ae10f16c3d58&quot;}}"/>
        <w:id w:val="-1824276842"/>
        <w:placeholder>
          <w:docPart w:val="DefaultPlaceholder_-1854013440"/>
        </w:placeholder>
      </w:sdtPr>
      <w:sdtEndPr>
        <w:rPr>
          <w:vanish w:val="0"/>
        </w:rPr>
      </w:sdtEndPr>
      <w:sdtContent>
        <w:p w14:paraId="4A391EEE" w14:textId="154BC091" w:rsidR="00F12212" w:rsidRPr="00E73816" w:rsidRDefault="005F2F88" w:rsidP="00F12212">
          <w:r w:rsidRPr="00EB2911">
            <w:rPr>
              <w:rFonts w:asciiTheme="majorHAnsi" w:hAnsiTheme="majorHAnsi"/>
              <w:noProof/>
              <w:vanish/>
              <w:color w:val="000000" w:themeColor="text1"/>
              <w:sz w:val="24"/>
              <w:szCs w:val="32"/>
            </w:rPr>
            <w:t>Figures</w:t>
          </w:r>
        </w:p>
      </w:sdtContent>
    </w:sdt>
    <w:p w14:paraId="02C1BC45" w14:textId="4981221E" w:rsidR="003C2B65" w:rsidRDefault="00B9660C">
      <w:sdt>
        <w:sdtPr>
          <w:rPr>
            <w:vanish/>
          </w:rPr>
          <w:alias w:val="Table of Photos"/>
          <w:tag w:val="{&quot;templafy&quot;:{&quot;id&quot;:&quot;2ccf6d07-8afb-43a7-a81f-70d68a97e5f6&quot;}}"/>
          <w:id w:val="-1924326230"/>
          <w:placeholder>
            <w:docPart w:val="DefaultPlaceholder_-1854013440"/>
          </w:placeholder>
        </w:sdtPr>
        <w:sdtEndPr>
          <w:rPr>
            <w:vanish w:val="0"/>
          </w:rPr>
        </w:sdtEndPr>
        <w:sdtContent>
          <w:r w:rsidR="005F2F88" w:rsidRPr="00EB2911">
            <w:rPr>
              <w:rFonts w:asciiTheme="majorHAnsi" w:hAnsiTheme="majorHAnsi"/>
              <w:noProof/>
              <w:vanish/>
              <w:color w:val="000000" w:themeColor="text1"/>
              <w:sz w:val="24"/>
              <w:szCs w:val="32"/>
            </w:rPr>
            <w:t>Photos</w:t>
          </w:r>
        </w:sdtContent>
      </w:sdt>
      <w:sdt>
        <w:sdtPr>
          <w:rPr>
            <w:vanish/>
          </w:rPr>
          <w:alias w:val="Table of Appendix Maps"/>
          <w:tag w:val="{&quot;templafy&quot;:{&quot;id&quot;:&quot;6291d740-87f3-462a-8a6f-fb7c92a71f4f&quot;}}"/>
          <w:id w:val="-612834661"/>
          <w:placeholder>
            <w:docPart w:val="DF2277D40FFA47CC87B86F46466AB67D"/>
          </w:placeholder>
        </w:sdtPr>
        <w:sdtEndPr>
          <w:rPr>
            <w:vanish w:val="0"/>
          </w:rPr>
        </w:sdtEndPr>
        <w:sdtContent>
          <w:r w:rsidR="005F2F88" w:rsidRPr="00EB2911">
            <w:rPr>
              <w:vanish/>
            </w:rPr>
            <w:t>Appendices</w:t>
          </w:r>
        </w:sdtContent>
      </w:sdt>
    </w:p>
    <w:p w14:paraId="5D606274" w14:textId="77777777" w:rsidR="003C2B65" w:rsidRDefault="003C2B65" w:rsidP="00087A17"/>
    <w:p w14:paraId="55ADEF9B" w14:textId="77777777" w:rsidR="00087A17" w:rsidRPr="00586151" w:rsidRDefault="00B9660C" w:rsidP="00087A17">
      <w:pPr>
        <w:sectPr w:rsidR="00087A17" w:rsidRPr="00586151" w:rsidSect="00D261BE">
          <w:headerReference w:type="default" r:id="rId15"/>
          <w:footerReference w:type="default" r:id="rId16"/>
          <w:headerReference w:type="first" r:id="rId17"/>
          <w:footerReference w:type="first" r:id="rId18"/>
          <w:endnotePr>
            <w:numFmt w:val="decimal"/>
          </w:endnotePr>
          <w:type w:val="oddPage"/>
          <w:pgSz w:w="11907" w:h="16840" w:code="9"/>
          <w:pgMar w:top="1928" w:right="2268" w:bottom="1905" w:left="1134" w:header="567" w:footer="567" w:gutter="0"/>
          <w:pgNumType w:fmt="lowerRoman"/>
          <w:cols w:space="708"/>
          <w:docGrid w:linePitch="360"/>
        </w:sect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bookmarkStart w:id="0" w:name="_Toc49356656"/>
    <w:p w14:paraId="0CCDFAA2" w14:textId="77777777" w:rsidR="00087A17" w:rsidRPr="00890D7F" w:rsidRDefault="00B9660C" w:rsidP="00087A17">
      <w:pPr>
        <w:pStyle w:val="ExecSumHead"/>
      </w:pPr>
      <w:sdt>
        <w:sdtPr>
          <w:alias w:val="ExecSum"/>
          <w:tag w:val="{&quot;templafy&quot;:{&quot;id&quot;:&quot;c643be24-cfda-4982-b112-d7d1d3fcca81&quot;}}"/>
          <w:id w:val="-1261671336"/>
          <w:placeholder>
            <w:docPart w:val="4B6BF6370351450498BF33AEA0D48896"/>
          </w:placeholder>
        </w:sdtPr>
        <w:sdtEndPr/>
        <w:sdtContent>
          <w:r w:rsidR="00677C0E">
            <w:t>Executive summary</w:t>
          </w:r>
        </w:sdtContent>
      </w:sdt>
      <w:bookmarkEnd w:id="0"/>
    </w:p>
    <w:p w14:paraId="2A74FD6A" w14:textId="7A7E8834" w:rsidR="00E032E6" w:rsidRPr="001B0796" w:rsidRDefault="00E032E6" w:rsidP="007B2721">
      <w:pPr>
        <w:jc w:val="both"/>
        <w:rPr>
          <w:rFonts w:cstheme="minorHAnsi"/>
        </w:rPr>
      </w:pPr>
      <w:r w:rsidRPr="001B0796">
        <w:rPr>
          <w:rFonts w:cstheme="minorHAnsi"/>
        </w:rPr>
        <w:t>The international information management standards ISO 19650</w:t>
      </w:r>
      <w:r w:rsidR="009F15EB">
        <w:rPr>
          <w:rFonts w:cstheme="minorHAnsi"/>
        </w:rPr>
        <w:t>–</w:t>
      </w:r>
      <w:r w:rsidRPr="001B0796">
        <w:rPr>
          <w:rFonts w:cstheme="minorHAnsi"/>
        </w:rPr>
        <w:t>1:2018 and ISO 19650</w:t>
      </w:r>
      <w:r w:rsidR="009F15EB">
        <w:rPr>
          <w:rFonts w:cstheme="minorHAnsi"/>
        </w:rPr>
        <w:t>–</w:t>
      </w:r>
      <w:r w:rsidRPr="001B0796">
        <w:rPr>
          <w:rFonts w:cstheme="minorHAnsi"/>
        </w:rPr>
        <w:t xml:space="preserve">2:2018 define the recommended concepts and principles for information management using </w:t>
      </w:r>
      <w:r w:rsidR="009F15EB">
        <w:rPr>
          <w:rFonts w:cstheme="minorHAnsi"/>
        </w:rPr>
        <w:t>b</w:t>
      </w:r>
      <w:r w:rsidRPr="001B0796">
        <w:rPr>
          <w:rFonts w:cstheme="minorHAnsi"/>
        </w:rPr>
        <w:t xml:space="preserve">uilding </w:t>
      </w:r>
      <w:r w:rsidR="009F15EB">
        <w:rPr>
          <w:rFonts w:cstheme="minorHAnsi"/>
        </w:rPr>
        <w:t>i</w:t>
      </w:r>
      <w:r w:rsidRPr="001B0796">
        <w:rPr>
          <w:rFonts w:cstheme="minorHAnsi"/>
        </w:rPr>
        <w:t xml:space="preserve">nformation </w:t>
      </w:r>
      <w:r w:rsidR="009F15EB">
        <w:rPr>
          <w:rFonts w:cstheme="minorHAnsi"/>
        </w:rPr>
        <w:t>m</w:t>
      </w:r>
      <w:r w:rsidRPr="001B0796">
        <w:rPr>
          <w:rFonts w:cstheme="minorHAnsi"/>
        </w:rPr>
        <w:t>odelling (BIM)</w:t>
      </w:r>
      <w:r w:rsidR="009F15EB">
        <w:rPr>
          <w:rFonts w:cstheme="minorHAnsi"/>
        </w:rPr>
        <w:t>,</w:t>
      </w:r>
      <w:r w:rsidRPr="001B0796">
        <w:rPr>
          <w:rFonts w:cstheme="minorHAnsi"/>
        </w:rPr>
        <w:t xml:space="preserve"> as well as specify</w:t>
      </w:r>
      <w:r w:rsidR="001B0796">
        <w:rPr>
          <w:rFonts w:cstheme="minorHAnsi"/>
        </w:rPr>
        <w:t>ing</w:t>
      </w:r>
      <w:r w:rsidRPr="001B0796">
        <w:rPr>
          <w:rFonts w:cstheme="minorHAnsi"/>
        </w:rPr>
        <w:t xml:space="preserve"> the activities during the delivery phase</w:t>
      </w:r>
      <w:r w:rsidR="001B0796">
        <w:rPr>
          <w:rFonts w:cstheme="minorHAnsi"/>
        </w:rPr>
        <w:t xml:space="preserve"> of an asset</w:t>
      </w:r>
      <w:r w:rsidRPr="001B0796">
        <w:rPr>
          <w:rFonts w:cstheme="minorHAnsi"/>
        </w:rPr>
        <w:t>.</w:t>
      </w:r>
    </w:p>
    <w:p w14:paraId="2D888C0B" w14:textId="7B99FA24" w:rsidR="001F7E2C" w:rsidRPr="001B0796" w:rsidRDefault="00E032E6" w:rsidP="007B2721">
      <w:pPr>
        <w:jc w:val="both"/>
        <w:rPr>
          <w:rFonts w:cstheme="minorHAnsi"/>
        </w:rPr>
      </w:pPr>
      <w:r w:rsidRPr="001B0796">
        <w:rPr>
          <w:rFonts w:cstheme="minorHAnsi"/>
        </w:rPr>
        <w:t>The ISO 19650 series</w:t>
      </w:r>
      <w:r w:rsidR="00D906F3" w:rsidRPr="001B0796">
        <w:rPr>
          <w:rFonts w:cstheme="minorHAnsi"/>
        </w:rPr>
        <w:t xml:space="preserve"> </w:t>
      </w:r>
      <w:r w:rsidR="00D51B2A" w:rsidRPr="001B0796">
        <w:rPr>
          <w:rFonts w:cstheme="minorHAnsi"/>
        </w:rPr>
        <w:t>describe</w:t>
      </w:r>
      <w:r w:rsidR="001B0796">
        <w:rPr>
          <w:rFonts w:cstheme="minorHAnsi"/>
        </w:rPr>
        <w:t>s</w:t>
      </w:r>
      <w:r w:rsidR="00D51B2A" w:rsidRPr="001B0796">
        <w:rPr>
          <w:rFonts w:cstheme="minorHAnsi"/>
        </w:rPr>
        <w:t xml:space="preserve"> how the</w:t>
      </w:r>
      <w:r w:rsidR="000E4A6D" w:rsidRPr="001B0796">
        <w:rPr>
          <w:rFonts w:cstheme="minorHAnsi"/>
        </w:rPr>
        <w:t xml:space="preserve"> </w:t>
      </w:r>
      <w:r w:rsidR="009F15EB">
        <w:rPr>
          <w:rFonts w:cstheme="minorHAnsi"/>
        </w:rPr>
        <w:t>p</w:t>
      </w:r>
      <w:r w:rsidR="000E4A6D" w:rsidRPr="001B0796">
        <w:rPr>
          <w:rFonts w:cstheme="minorHAnsi"/>
        </w:rPr>
        <w:t>roject</w:t>
      </w:r>
      <w:r w:rsidR="00D00FD4" w:rsidRPr="001B0796">
        <w:rPr>
          <w:rFonts w:cstheme="minorHAnsi"/>
        </w:rPr>
        <w:t xml:space="preserve"> </w:t>
      </w:r>
      <w:r w:rsidR="009F15EB">
        <w:rPr>
          <w:rFonts w:cstheme="minorHAnsi"/>
        </w:rPr>
        <w:t>i</w:t>
      </w:r>
      <w:r w:rsidR="00D00FD4" w:rsidRPr="001B0796">
        <w:rPr>
          <w:rFonts w:cstheme="minorHAnsi"/>
        </w:rPr>
        <w:t>nfor</w:t>
      </w:r>
      <w:r w:rsidR="00122833" w:rsidRPr="001B0796">
        <w:rPr>
          <w:rFonts w:cstheme="minorHAnsi"/>
        </w:rPr>
        <w:t xml:space="preserve">mation </w:t>
      </w:r>
      <w:r w:rsidR="009F15EB">
        <w:rPr>
          <w:rFonts w:cstheme="minorHAnsi"/>
        </w:rPr>
        <w:t>r</w:t>
      </w:r>
      <w:r w:rsidR="00122833" w:rsidRPr="001B0796">
        <w:rPr>
          <w:rFonts w:cstheme="minorHAnsi"/>
        </w:rPr>
        <w:t xml:space="preserve">equirements (PIR) are </w:t>
      </w:r>
      <w:r w:rsidR="00943807" w:rsidRPr="001B0796">
        <w:rPr>
          <w:rFonts w:cstheme="minorHAnsi"/>
        </w:rPr>
        <w:t>developed</w:t>
      </w:r>
      <w:r w:rsidR="001B0796">
        <w:rPr>
          <w:rFonts w:cstheme="minorHAnsi"/>
        </w:rPr>
        <w:t xml:space="preserve"> by the appointing party</w:t>
      </w:r>
      <w:r w:rsidR="00943807" w:rsidRPr="001B0796">
        <w:rPr>
          <w:rFonts w:cstheme="minorHAnsi"/>
        </w:rPr>
        <w:t xml:space="preserve"> to </w:t>
      </w:r>
      <w:r w:rsidR="00125335" w:rsidRPr="001B0796">
        <w:rPr>
          <w:rFonts w:cstheme="minorHAnsi"/>
        </w:rPr>
        <w:t>meet the</w:t>
      </w:r>
      <w:r w:rsidR="001B0796">
        <w:rPr>
          <w:rFonts w:cstheme="minorHAnsi"/>
        </w:rPr>
        <w:t xml:space="preserve">ir </w:t>
      </w:r>
      <w:r w:rsidR="00125335" w:rsidRPr="001B0796">
        <w:rPr>
          <w:rFonts w:cstheme="minorHAnsi"/>
        </w:rPr>
        <w:t>strategic high-level objectives</w:t>
      </w:r>
      <w:r w:rsidR="00943807" w:rsidRPr="001B0796">
        <w:rPr>
          <w:rFonts w:cstheme="minorHAnsi"/>
        </w:rPr>
        <w:t>,</w:t>
      </w:r>
      <w:r w:rsidR="00125335" w:rsidRPr="001B0796">
        <w:rPr>
          <w:rFonts w:cstheme="minorHAnsi"/>
        </w:rPr>
        <w:t xml:space="preserve"> </w:t>
      </w:r>
      <w:r w:rsidR="00B04774" w:rsidRPr="001B0796">
        <w:rPr>
          <w:rFonts w:cstheme="minorHAnsi"/>
        </w:rPr>
        <w:t xml:space="preserve">as stated </w:t>
      </w:r>
      <w:r w:rsidR="000E1D5D" w:rsidRPr="001B0796">
        <w:rPr>
          <w:rFonts w:cstheme="minorHAnsi"/>
        </w:rPr>
        <w:t xml:space="preserve">in the </w:t>
      </w:r>
      <w:r w:rsidR="009F15EB">
        <w:rPr>
          <w:rFonts w:cstheme="minorHAnsi"/>
        </w:rPr>
        <w:t>o</w:t>
      </w:r>
      <w:r w:rsidR="008F4F9C" w:rsidRPr="001B0796">
        <w:rPr>
          <w:rFonts w:cstheme="minorHAnsi"/>
        </w:rPr>
        <w:t>rgani</w:t>
      </w:r>
      <w:r w:rsidR="009F15EB">
        <w:rPr>
          <w:rFonts w:cstheme="minorHAnsi"/>
        </w:rPr>
        <w:t>s</w:t>
      </w:r>
      <w:r w:rsidR="008F4F9C" w:rsidRPr="001B0796">
        <w:rPr>
          <w:rFonts w:cstheme="minorHAnsi"/>
        </w:rPr>
        <w:t>ational</w:t>
      </w:r>
      <w:r w:rsidR="000E1D5D" w:rsidRPr="001B0796">
        <w:rPr>
          <w:rFonts w:cstheme="minorHAnsi"/>
        </w:rPr>
        <w:t xml:space="preserve"> </w:t>
      </w:r>
      <w:r w:rsidR="009F15EB">
        <w:rPr>
          <w:rFonts w:cstheme="minorHAnsi"/>
        </w:rPr>
        <w:t>i</w:t>
      </w:r>
      <w:r w:rsidR="008F4F9C" w:rsidRPr="001B0796">
        <w:rPr>
          <w:rFonts w:cstheme="minorHAnsi"/>
        </w:rPr>
        <w:t>nformation</w:t>
      </w:r>
      <w:r w:rsidR="000E1D5D" w:rsidRPr="001B0796">
        <w:rPr>
          <w:rFonts w:cstheme="minorHAnsi"/>
        </w:rPr>
        <w:t xml:space="preserve"> </w:t>
      </w:r>
      <w:r w:rsidR="009F15EB">
        <w:rPr>
          <w:rFonts w:cstheme="minorHAnsi"/>
        </w:rPr>
        <w:t>r</w:t>
      </w:r>
      <w:r w:rsidR="000E1D5D" w:rsidRPr="001B0796">
        <w:rPr>
          <w:rFonts w:cstheme="minorHAnsi"/>
        </w:rPr>
        <w:t>equirements (OIR)</w:t>
      </w:r>
      <w:r w:rsidR="008A12C8" w:rsidRPr="001B0796">
        <w:rPr>
          <w:rFonts w:cstheme="minorHAnsi"/>
        </w:rPr>
        <w:t>.</w:t>
      </w:r>
      <w:r w:rsidR="00E55CC8" w:rsidRPr="001B0796">
        <w:rPr>
          <w:rFonts w:cstheme="minorHAnsi"/>
        </w:rPr>
        <w:t xml:space="preserve"> The</w:t>
      </w:r>
      <w:bookmarkStart w:id="1" w:name="_Hlk47702154"/>
      <w:r w:rsidR="00F15B77">
        <w:rPr>
          <w:rFonts w:cstheme="minorHAnsi"/>
        </w:rPr>
        <w:t xml:space="preserve">y </w:t>
      </w:r>
      <w:r w:rsidR="00DF2019" w:rsidRPr="001B0796">
        <w:rPr>
          <w:rFonts w:cstheme="minorHAnsi"/>
        </w:rPr>
        <w:t>document</w:t>
      </w:r>
      <w:r w:rsidR="00F15B77">
        <w:rPr>
          <w:rFonts w:cstheme="minorHAnsi"/>
        </w:rPr>
        <w:t xml:space="preserve"> </w:t>
      </w:r>
      <w:r w:rsidR="007C14C5" w:rsidRPr="001B0796">
        <w:rPr>
          <w:rFonts w:cstheme="minorHAnsi"/>
        </w:rPr>
        <w:t>the</w:t>
      </w:r>
      <w:r w:rsidR="00DF2019" w:rsidRPr="001B0796">
        <w:rPr>
          <w:rFonts w:cstheme="minorHAnsi"/>
        </w:rPr>
        <w:t xml:space="preserve"> information that </w:t>
      </w:r>
      <w:r w:rsidR="007C14C5" w:rsidRPr="001B0796">
        <w:rPr>
          <w:rFonts w:cstheme="minorHAnsi"/>
        </w:rPr>
        <w:t>is</w:t>
      </w:r>
      <w:r w:rsidR="00DF2019" w:rsidRPr="001B0796">
        <w:rPr>
          <w:rFonts w:cstheme="minorHAnsi"/>
        </w:rPr>
        <w:t xml:space="preserve"> require</w:t>
      </w:r>
      <w:r w:rsidR="007C14C5" w:rsidRPr="001B0796">
        <w:rPr>
          <w:rFonts w:cstheme="minorHAnsi"/>
        </w:rPr>
        <w:t>d</w:t>
      </w:r>
      <w:r w:rsidR="00E80B47" w:rsidRPr="00EB2911">
        <w:rPr>
          <w:rFonts w:cstheme="minorHAnsi"/>
        </w:rPr>
        <w:t xml:space="preserve"> to</w:t>
      </w:r>
      <w:r w:rsidR="00DF2019" w:rsidRPr="001B0796">
        <w:rPr>
          <w:rFonts w:cstheme="minorHAnsi"/>
        </w:rPr>
        <w:t xml:space="preserve"> </w:t>
      </w:r>
      <w:r w:rsidR="0034372F" w:rsidRPr="00EB2911">
        <w:rPr>
          <w:rFonts w:cstheme="minorHAnsi"/>
        </w:rPr>
        <w:t>inform</w:t>
      </w:r>
      <w:r w:rsidR="00177D3C" w:rsidRPr="001B0796">
        <w:rPr>
          <w:rFonts w:cstheme="minorHAnsi"/>
        </w:rPr>
        <w:t xml:space="preserve"> key decision</w:t>
      </w:r>
      <w:r w:rsidR="009F15EB">
        <w:rPr>
          <w:rFonts w:cstheme="minorHAnsi"/>
        </w:rPr>
        <w:t>-</w:t>
      </w:r>
      <w:r w:rsidR="00E80B47" w:rsidRPr="00EB2911">
        <w:rPr>
          <w:rFonts w:cstheme="minorHAnsi"/>
        </w:rPr>
        <w:t>making</w:t>
      </w:r>
      <w:r w:rsidR="0034372F" w:rsidRPr="00EB2911">
        <w:rPr>
          <w:rFonts w:cstheme="minorHAnsi"/>
        </w:rPr>
        <w:t xml:space="preserve"> at specified</w:t>
      </w:r>
      <w:r w:rsidR="00177D3C" w:rsidRPr="001B0796">
        <w:rPr>
          <w:rFonts w:cstheme="minorHAnsi"/>
        </w:rPr>
        <w:t xml:space="preserve"> </w:t>
      </w:r>
      <w:r w:rsidR="00F15B77">
        <w:rPr>
          <w:rFonts w:cstheme="minorHAnsi"/>
        </w:rPr>
        <w:t>points</w:t>
      </w:r>
      <w:r w:rsidR="00747A8D" w:rsidRPr="00EB2911">
        <w:rPr>
          <w:rFonts w:cstheme="minorHAnsi"/>
        </w:rPr>
        <w:t xml:space="preserve"> during a project</w:t>
      </w:r>
      <w:r w:rsidR="009F15EB">
        <w:rPr>
          <w:rFonts w:cstheme="minorHAnsi"/>
        </w:rPr>
        <w:t>’s</w:t>
      </w:r>
      <w:r w:rsidR="00747A8D" w:rsidRPr="00EB2911">
        <w:rPr>
          <w:rFonts w:cstheme="minorHAnsi"/>
        </w:rPr>
        <w:t xml:space="preserve"> life</w:t>
      </w:r>
      <w:r w:rsidR="009F15EB">
        <w:rPr>
          <w:rFonts w:cstheme="minorHAnsi"/>
        </w:rPr>
        <w:t xml:space="preserve"> </w:t>
      </w:r>
      <w:r w:rsidR="00747A8D" w:rsidRPr="00EB2911">
        <w:rPr>
          <w:rFonts w:cstheme="minorHAnsi"/>
        </w:rPr>
        <w:t>cycle</w:t>
      </w:r>
      <w:r w:rsidR="00336DF0" w:rsidRPr="001B0796">
        <w:rPr>
          <w:rFonts w:cstheme="minorHAnsi"/>
        </w:rPr>
        <w:t>.</w:t>
      </w:r>
      <w:r w:rsidR="002022A1" w:rsidRPr="001B0796">
        <w:rPr>
          <w:rFonts w:cstheme="minorHAnsi"/>
        </w:rPr>
        <w:t xml:space="preserve"> </w:t>
      </w:r>
      <w:r w:rsidR="00D07AC2" w:rsidRPr="001B0796">
        <w:rPr>
          <w:rFonts w:cstheme="minorHAnsi"/>
        </w:rPr>
        <w:t>The</w:t>
      </w:r>
      <w:r w:rsidR="00F15B77">
        <w:rPr>
          <w:rFonts w:cstheme="minorHAnsi"/>
        </w:rPr>
        <w:t>n</w:t>
      </w:r>
      <w:r w:rsidR="009F15EB">
        <w:rPr>
          <w:rFonts w:cstheme="minorHAnsi"/>
        </w:rPr>
        <w:t>,</w:t>
      </w:r>
      <w:r w:rsidR="00F15B77">
        <w:rPr>
          <w:rFonts w:cstheme="minorHAnsi"/>
        </w:rPr>
        <w:t xml:space="preserve"> the relevant</w:t>
      </w:r>
      <w:r w:rsidR="00D07AC2" w:rsidRPr="001B0796">
        <w:rPr>
          <w:rFonts w:cstheme="minorHAnsi"/>
        </w:rPr>
        <w:t xml:space="preserve"> requirements are </w:t>
      </w:r>
      <w:r w:rsidR="0062537A" w:rsidRPr="001B0796">
        <w:rPr>
          <w:rFonts w:cstheme="minorHAnsi"/>
        </w:rPr>
        <w:t>integrated into the</w:t>
      </w:r>
      <w:r w:rsidR="00D07AC2" w:rsidRPr="001B0796">
        <w:rPr>
          <w:rFonts w:cstheme="minorHAnsi"/>
        </w:rPr>
        <w:t xml:space="preserve"> </w:t>
      </w:r>
      <w:r w:rsidR="00F15B77" w:rsidRPr="001B0796">
        <w:rPr>
          <w:rFonts w:cstheme="minorHAnsi"/>
        </w:rPr>
        <w:t>applicable</w:t>
      </w:r>
      <w:r w:rsidR="000542B2" w:rsidRPr="001B0796">
        <w:rPr>
          <w:rFonts w:cstheme="minorHAnsi"/>
        </w:rPr>
        <w:t xml:space="preserve"> </w:t>
      </w:r>
      <w:r w:rsidR="009B1D01" w:rsidRPr="001B0796">
        <w:rPr>
          <w:rFonts w:cstheme="minorHAnsi"/>
        </w:rPr>
        <w:t xml:space="preserve">appointment </w:t>
      </w:r>
      <w:r w:rsidR="0062537A" w:rsidRPr="001B0796">
        <w:rPr>
          <w:rFonts w:cstheme="minorHAnsi"/>
        </w:rPr>
        <w:t xml:space="preserve">documentation, </w:t>
      </w:r>
      <w:r w:rsidR="00747A8D" w:rsidRPr="00EB2911">
        <w:rPr>
          <w:rFonts w:cstheme="minorHAnsi"/>
        </w:rPr>
        <w:t>via</w:t>
      </w:r>
      <w:r w:rsidR="0062537A" w:rsidRPr="001B0796">
        <w:rPr>
          <w:rFonts w:cstheme="minorHAnsi"/>
        </w:rPr>
        <w:t xml:space="preserve"> </w:t>
      </w:r>
      <w:r w:rsidR="00111067" w:rsidRPr="001B0796">
        <w:rPr>
          <w:rFonts w:cstheme="minorHAnsi"/>
        </w:rPr>
        <w:t xml:space="preserve">the </w:t>
      </w:r>
      <w:r w:rsidR="009F15EB">
        <w:rPr>
          <w:rFonts w:cstheme="minorHAnsi"/>
        </w:rPr>
        <w:t>e</w:t>
      </w:r>
      <w:r w:rsidR="005F1E37" w:rsidRPr="001B0796">
        <w:rPr>
          <w:rFonts w:cstheme="minorHAnsi"/>
        </w:rPr>
        <w:t xml:space="preserve">xchange </w:t>
      </w:r>
      <w:r w:rsidR="009F15EB">
        <w:rPr>
          <w:rFonts w:cstheme="minorHAnsi"/>
        </w:rPr>
        <w:t>i</w:t>
      </w:r>
      <w:r w:rsidR="005F1E37" w:rsidRPr="001B0796">
        <w:rPr>
          <w:rFonts w:cstheme="minorHAnsi"/>
        </w:rPr>
        <w:t xml:space="preserve">nformation </w:t>
      </w:r>
      <w:r w:rsidR="009F15EB">
        <w:rPr>
          <w:rFonts w:cstheme="minorHAnsi"/>
        </w:rPr>
        <w:t>r</w:t>
      </w:r>
      <w:r w:rsidR="005F1E37" w:rsidRPr="001B0796">
        <w:rPr>
          <w:rFonts w:cstheme="minorHAnsi"/>
        </w:rPr>
        <w:t>equirements (EIR)</w:t>
      </w:r>
      <w:r w:rsidR="00D07AC2" w:rsidRPr="001B0796">
        <w:rPr>
          <w:rFonts w:cstheme="minorHAnsi"/>
        </w:rPr>
        <w:t>.</w:t>
      </w:r>
    </w:p>
    <w:bookmarkEnd w:id="1"/>
    <w:p w14:paraId="6BA5A446" w14:textId="77777777" w:rsidR="00781A15" w:rsidRDefault="00781A15" w:rsidP="00C71E4E"/>
    <w:p w14:paraId="1A03A349" w14:textId="11BE2DF8" w:rsidR="00087A17" w:rsidRPr="00890D7F" w:rsidRDefault="00C71E4E" w:rsidP="007B2721">
      <w:pPr>
        <w:pStyle w:val="Heading1"/>
        <w:jc w:val="both"/>
      </w:pPr>
      <w:bookmarkStart w:id="2" w:name="_Ref47530045"/>
      <w:bookmarkStart w:id="3" w:name="_Toc49356657"/>
      <w:r>
        <w:lastRenderedPageBreak/>
        <w:t>Project scope</w:t>
      </w:r>
      <w:bookmarkEnd w:id="2"/>
      <w:bookmarkEnd w:id="3"/>
    </w:p>
    <w:p w14:paraId="3D629DF7" w14:textId="5B84F511" w:rsidR="006121A3" w:rsidRDefault="006121A3" w:rsidP="004C1889">
      <w:pPr>
        <w:jc w:val="both"/>
      </w:pPr>
      <w:r>
        <w:t>&lt;</w:t>
      </w:r>
      <w:r w:rsidRPr="00681E53">
        <w:t>Provide a description of the project</w:t>
      </w:r>
      <w:r w:rsidR="009F15EB">
        <w:t>,</w:t>
      </w:r>
      <w:r w:rsidRPr="00681E53">
        <w:t xml:space="preserve"> specifying objectives, purpose and any relevant timeframes.</w:t>
      </w:r>
      <w:r>
        <w:t>&gt;</w:t>
      </w:r>
    </w:p>
    <w:p w14:paraId="73905B7A" w14:textId="77777777" w:rsidR="004C1889" w:rsidRDefault="004C1889" w:rsidP="007B2721">
      <w:pPr>
        <w:jc w:val="both"/>
      </w:pPr>
    </w:p>
    <w:p w14:paraId="4A6C4AE6" w14:textId="52340056" w:rsidR="00791969" w:rsidRDefault="00AC47C6" w:rsidP="007B2721">
      <w:pPr>
        <w:pStyle w:val="Heading2"/>
        <w:jc w:val="both"/>
      </w:pPr>
      <w:bookmarkStart w:id="4" w:name="_Toc49356658"/>
      <w:r>
        <w:t xml:space="preserve">Project </w:t>
      </w:r>
      <w:r w:rsidR="009F15EB">
        <w:t>p</w:t>
      </w:r>
      <w:r w:rsidR="00791969">
        <w:t>urpose</w:t>
      </w:r>
      <w:bookmarkEnd w:id="4"/>
    </w:p>
    <w:p w14:paraId="7B55883C" w14:textId="2FFDB2BE" w:rsidR="00030877" w:rsidRDefault="0065248C" w:rsidP="004C1889">
      <w:pPr>
        <w:jc w:val="both"/>
      </w:pPr>
      <w:r>
        <w:t>&lt;</w:t>
      </w:r>
      <w:r w:rsidR="009A6BB3">
        <w:t>P</w:t>
      </w:r>
      <w:r w:rsidR="00D03989">
        <w:t>rovide an explanation of why the</w:t>
      </w:r>
      <w:r w:rsidR="00AE60CA">
        <w:t xml:space="preserve"> </w:t>
      </w:r>
      <w:r w:rsidR="00817B94">
        <w:t>project</w:t>
      </w:r>
      <w:r w:rsidR="00486623">
        <w:t xml:space="preserve"> </w:t>
      </w:r>
      <w:r w:rsidR="005E50A0">
        <w:t>is</w:t>
      </w:r>
      <w:r w:rsidR="00486623">
        <w:t xml:space="preserve"> required</w:t>
      </w:r>
      <w:r w:rsidR="005E50A0">
        <w:t xml:space="preserve"> by the organisa</w:t>
      </w:r>
      <w:r w:rsidR="001B153F">
        <w:t>tion/appointing party</w:t>
      </w:r>
      <w:r w:rsidR="00504EA7">
        <w:t>, includ</w:t>
      </w:r>
      <w:r w:rsidR="009F15EB">
        <w:t>ing</w:t>
      </w:r>
      <w:r w:rsidR="00504EA7">
        <w:t xml:space="preserve"> intended use and occupation</w:t>
      </w:r>
      <w:r w:rsidR="009F15EB">
        <w:t>,</w:t>
      </w:r>
      <w:r w:rsidR="00504EA7">
        <w:t xml:space="preserve"> if applicable</w:t>
      </w:r>
      <w:r w:rsidR="00E26DFA">
        <w:t>.</w:t>
      </w:r>
      <w:r>
        <w:t>&gt;</w:t>
      </w:r>
    </w:p>
    <w:p w14:paraId="3DB4EDE9" w14:textId="77777777" w:rsidR="004C1889" w:rsidRDefault="004C1889" w:rsidP="007B2721">
      <w:pPr>
        <w:jc w:val="both"/>
      </w:pPr>
    </w:p>
    <w:p w14:paraId="12FBB4AE" w14:textId="393FB0BB" w:rsidR="00935D97" w:rsidRDefault="00935D97" w:rsidP="007B2721">
      <w:pPr>
        <w:pStyle w:val="Heading2"/>
        <w:jc w:val="both"/>
      </w:pPr>
      <w:bookmarkStart w:id="5" w:name="_Toc49356659"/>
      <w:r>
        <w:t>Project</w:t>
      </w:r>
      <w:r w:rsidR="00F54504">
        <w:t xml:space="preserve"> </w:t>
      </w:r>
      <w:r>
        <w:t>objectives</w:t>
      </w:r>
      <w:bookmarkEnd w:id="5"/>
      <w:r>
        <w:t xml:space="preserve"> </w:t>
      </w:r>
    </w:p>
    <w:p w14:paraId="08D81E64" w14:textId="3628E7F9" w:rsidR="00611E5F" w:rsidRDefault="003A6976" w:rsidP="004C1889">
      <w:pPr>
        <w:jc w:val="both"/>
      </w:pPr>
      <w:r>
        <w:t>&lt;Outline</w:t>
      </w:r>
      <w:r w:rsidR="006121A3" w:rsidRPr="00681E53">
        <w:t xml:space="preserve"> the project goals and objectives</w:t>
      </w:r>
      <w:r>
        <w:t>,</w:t>
      </w:r>
      <w:r w:rsidR="00222F2C">
        <w:t xml:space="preserve"> </w:t>
      </w:r>
      <w:r w:rsidR="009F15EB">
        <w:t xml:space="preserve">which </w:t>
      </w:r>
      <w:r w:rsidR="007A4E88">
        <w:t>should</w:t>
      </w:r>
      <w:r w:rsidR="00E119B7">
        <w:t xml:space="preserve"> focus </w:t>
      </w:r>
      <w:r w:rsidR="007A4E88">
        <w:t>on</w:t>
      </w:r>
      <w:r w:rsidR="00935D97">
        <w:t xml:space="preserve"> </w:t>
      </w:r>
      <w:r w:rsidR="00473B3D">
        <w:t xml:space="preserve">how the project can contribute to </w:t>
      </w:r>
      <w:r w:rsidR="00935D97">
        <w:t>achiev</w:t>
      </w:r>
      <w:r w:rsidR="009F7DDE">
        <w:t>ing</w:t>
      </w:r>
      <w:r w:rsidR="00611E5F">
        <w:t xml:space="preserve"> the </w:t>
      </w:r>
      <w:r w:rsidR="009F15EB">
        <w:t>o</w:t>
      </w:r>
      <w:r w:rsidR="00611E5F">
        <w:t>rgani</w:t>
      </w:r>
      <w:r w:rsidR="009F15EB">
        <w:t>s</w:t>
      </w:r>
      <w:r w:rsidR="00611E5F">
        <w:t xml:space="preserve">ational </w:t>
      </w:r>
      <w:r w:rsidR="009F15EB">
        <w:t>i</w:t>
      </w:r>
      <w:r w:rsidR="00611E5F">
        <w:t xml:space="preserve">nformation </w:t>
      </w:r>
      <w:r w:rsidR="009F15EB">
        <w:t>r</w:t>
      </w:r>
      <w:r w:rsidR="00611E5F">
        <w:t>equirements (OIR)</w:t>
      </w:r>
      <w:r w:rsidR="009F7DDE">
        <w:t xml:space="preserve"> strategic objectives</w:t>
      </w:r>
      <w:r w:rsidR="002B2B7C">
        <w:t>.</w:t>
      </w:r>
      <w:r w:rsidR="001939C0">
        <w:t>&gt;</w:t>
      </w:r>
    </w:p>
    <w:p w14:paraId="570380E7" w14:textId="77777777" w:rsidR="004C1889" w:rsidRDefault="004C1889" w:rsidP="007B2721">
      <w:pPr>
        <w:jc w:val="both"/>
      </w:pPr>
    </w:p>
    <w:p w14:paraId="6AAE70EC" w14:textId="4049EB0E" w:rsidR="00C71E4E" w:rsidRDefault="00C71E4E" w:rsidP="007B2721">
      <w:pPr>
        <w:pStyle w:val="Heading2"/>
        <w:jc w:val="both"/>
      </w:pPr>
      <w:bookmarkStart w:id="6" w:name="_Toc48050695"/>
      <w:bookmarkStart w:id="7" w:name="_Toc49252501"/>
      <w:bookmarkStart w:id="8" w:name="_Toc49267773"/>
      <w:bookmarkStart w:id="9" w:name="_Toc49267867"/>
      <w:bookmarkStart w:id="10" w:name="_Toc48050696"/>
      <w:bookmarkStart w:id="11" w:name="_Toc49252502"/>
      <w:bookmarkStart w:id="12" w:name="_Toc49267774"/>
      <w:bookmarkStart w:id="13" w:name="_Toc49267868"/>
      <w:bookmarkStart w:id="14" w:name="_Toc48050697"/>
      <w:bookmarkStart w:id="15" w:name="_Toc49252503"/>
      <w:bookmarkStart w:id="16" w:name="_Toc49267775"/>
      <w:bookmarkStart w:id="17" w:name="_Toc49267869"/>
      <w:bookmarkStart w:id="18" w:name="_Toc48050698"/>
      <w:bookmarkStart w:id="19" w:name="_Toc49252504"/>
      <w:bookmarkStart w:id="20" w:name="_Toc49267776"/>
      <w:bookmarkStart w:id="21" w:name="_Toc49267870"/>
      <w:bookmarkStart w:id="22" w:name="_Toc48050699"/>
      <w:bookmarkStart w:id="23" w:name="_Toc49252505"/>
      <w:bookmarkStart w:id="24" w:name="_Toc49267777"/>
      <w:bookmarkStart w:id="25" w:name="_Toc49267871"/>
      <w:bookmarkStart w:id="26" w:name="_Toc48050700"/>
      <w:bookmarkStart w:id="27" w:name="_Toc49252506"/>
      <w:bookmarkStart w:id="28" w:name="_Toc49267778"/>
      <w:bookmarkStart w:id="29" w:name="_Toc49267872"/>
      <w:bookmarkStart w:id="30" w:name="_Toc48050701"/>
      <w:bookmarkStart w:id="31" w:name="_Toc49252507"/>
      <w:bookmarkStart w:id="32" w:name="_Toc49267779"/>
      <w:bookmarkStart w:id="33" w:name="_Toc49267873"/>
      <w:bookmarkStart w:id="34" w:name="_Toc48050702"/>
      <w:bookmarkStart w:id="35" w:name="_Toc49252508"/>
      <w:bookmarkStart w:id="36" w:name="_Toc49267780"/>
      <w:bookmarkStart w:id="37" w:name="_Toc49267874"/>
      <w:bookmarkStart w:id="38" w:name="_Toc48050703"/>
      <w:bookmarkStart w:id="39" w:name="_Toc49252509"/>
      <w:bookmarkStart w:id="40" w:name="_Toc49267781"/>
      <w:bookmarkStart w:id="41" w:name="_Toc49267875"/>
      <w:bookmarkStart w:id="42" w:name="_Toc48050704"/>
      <w:bookmarkStart w:id="43" w:name="_Toc49252510"/>
      <w:bookmarkStart w:id="44" w:name="_Toc49267782"/>
      <w:bookmarkStart w:id="45" w:name="_Toc49267876"/>
      <w:bookmarkStart w:id="46" w:name="_Toc48050705"/>
      <w:bookmarkStart w:id="47" w:name="_Toc49252511"/>
      <w:bookmarkStart w:id="48" w:name="_Toc49267783"/>
      <w:bookmarkStart w:id="49" w:name="_Toc49267877"/>
      <w:bookmarkStart w:id="50" w:name="_Toc48050706"/>
      <w:bookmarkStart w:id="51" w:name="_Toc49252512"/>
      <w:bookmarkStart w:id="52" w:name="_Toc49267784"/>
      <w:bookmarkStart w:id="53" w:name="_Toc49267878"/>
      <w:bookmarkStart w:id="54" w:name="_Toc48050707"/>
      <w:bookmarkStart w:id="55" w:name="_Toc49252513"/>
      <w:bookmarkStart w:id="56" w:name="_Toc49267785"/>
      <w:bookmarkStart w:id="57" w:name="_Toc49267879"/>
      <w:bookmarkStart w:id="58" w:name="_Toc48050708"/>
      <w:bookmarkStart w:id="59" w:name="_Toc49252514"/>
      <w:bookmarkStart w:id="60" w:name="_Toc49267786"/>
      <w:bookmarkStart w:id="61" w:name="_Toc49267880"/>
      <w:bookmarkStart w:id="62" w:name="_Toc48050709"/>
      <w:bookmarkStart w:id="63" w:name="_Toc49252515"/>
      <w:bookmarkStart w:id="64" w:name="_Toc49267787"/>
      <w:bookmarkStart w:id="65" w:name="_Toc49267881"/>
      <w:bookmarkStart w:id="66" w:name="_Toc48050710"/>
      <w:bookmarkStart w:id="67" w:name="_Toc49252516"/>
      <w:bookmarkStart w:id="68" w:name="_Toc49267788"/>
      <w:bookmarkStart w:id="69" w:name="_Toc49267882"/>
      <w:bookmarkStart w:id="70" w:name="_Toc48050711"/>
      <w:bookmarkStart w:id="71" w:name="_Toc49252517"/>
      <w:bookmarkStart w:id="72" w:name="_Toc49267789"/>
      <w:bookmarkStart w:id="73" w:name="_Toc49267883"/>
      <w:bookmarkStart w:id="74" w:name="_Toc48050712"/>
      <w:bookmarkStart w:id="75" w:name="_Toc49252518"/>
      <w:bookmarkStart w:id="76" w:name="_Toc49267790"/>
      <w:bookmarkStart w:id="77" w:name="_Toc49267884"/>
      <w:bookmarkStart w:id="78" w:name="_Toc48050713"/>
      <w:bookmarkStart w:id="79" w:name="_Toc49252519"/>
      <w:bookmarkStart w:id="80" w:name="_Toc49267791"/>
      <w:bookmarkStart w:id="81" w:name="_Toc49267885"/>
      <w:bookmarkStart w:id="82" w:name="_Toc48050714"/>
      <w:bookmarkStart w:id="83" w:name="_Toc49252520"/>
      <w:bookmarkStart w:id="84" w:name="_Toc49267792"/>
      <w:bookmarkStart w:id="85" w:name="_Toc49267886"/>
      <w:bookmarkStart w:id="86" w:name="_Toc48050715"/>
      <w:bookmarkStart w:id="87" w:name="_Toc49252521"/>
      <w:bookmarkStart w:id="88" w:name="_Toc49267793"/>
      <w:bookmarkStart w:id="89" w:name="_Toc49267887"/>
      <w:bookmarkStart w:id="90" w:name="_Toc49356660"/>
      <w:bookmarkEnd w:id="6"/>
      <w:bookmarkEnd w:id="7"/>
      <w:bookmarkEnd w:id="8"/>
      <w:bookmarkEnd w:id="9"/>
      <w:bookmarkEnd w:id="10"/>
      <w:bookmarkEnd w:id="11"/>
      <w:bookmarkEnd w:id="12"/>
      <w:bookmarkEnd w:id="13"/>
      <w:bookmarkEnd w:id="14"/>
      <w:bookmarkEnd w:id="15"/>
      <w:bookmarkEnd w:id="16"/>
      <w:bookmarkEnd w:id="17"/>
      <w:bookmarkEnd w:id="18"/>
      <w:bookmarkEnd w:id="19"/>
      <w:bookmarkEnd w:id="20"/>
      <w:bookmarkEnd w:id="21"/>
      <w:bookmarkEnd w:id="22"/>
      <w:bookmarkEnd w:id="23"/>
      <w:bookmarkEnd w:id="24"/>
      <w:bookmarkEnd w:id="25"/>
      <w:bookmarkEnd w:id="26"/>
      <w:bookmarkEnd w:id="27"/>
      <w:bookmarkEnd w:id="28"/>
      <w:bookmarkEnd w:id="29"/>
      <w:bookmarkEnd w:id="30"/>
      <w:bookmarkEnd w:id="31"/>
      <w:bookmarkEnd w:id="32"/>
      <w:bookmarkEnd w:id="33"/>
      <w:bookmarkEnd w:id="34"/>
      <w:bookmarkEnd w:id="35"/>
      <w:bookmarkEnd w:id="36"/>
      <w:bookmarkEnd w:id="37"/>
      <w:bookmarkEnd w:id="38"/>
      <w:bookmarkEnd w:id="39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bookmarkEnd w:id="81"/>
      <w:bookmarkEnd w:id="82"/>
      <w:bookmarkEnd w:id="83"/>
      <w:bookmarkEnd w:id="84"/>
      <w:bookmarkEnd w:id="85"/>
      <w:bookmarkEnd w:id="86"/>
      <w:bookmarkEnd w:id="87"/>
      <w:bookmarkEnd w:id="88"/>
      <w:bookmarkEnd w:id="89"/>
      <w:r>
        <w:t xml:space="preserve">Project details </w:t>
      </w:r>
      <w:bookmarkEnd w:id="90"/>
    </w:p>
    <w:p w14:paraId="02AF048B" w14:textId="4A54751B" w:rsidR="006121A3" w:rsidRDefault="003A6976" w:rsidP="004C1889">
      <w:pPr>
        <w:jc w:val="both"/>
      </w:pPr>
      <w:r w:rsidRPr="003A6976">
        <w:t>&lt;</w:t>
      </w:r>
      <w:r>
        <w:t xml:space="preserve">Provide the project details, </w:t>
      </w:r>
      <w:r w:rsidR="009F15EB">
        <w:t xml:space="preserve">which </w:t>
      </w:r>
      <w:r>
        <w:t xml:space="preserve">should </w:t>
      </w:r>
      <w:proofErr w:type="gramStart"/>
      <w:r>
        <w:t>include</w:t>
      </w:r>
      <w:r w:rsidR="009F15EB">
        <w:t>:</w:t>
      </w:r>
      <w:proofErr w:type="gramEnd"/>
      <w:r w:rsidRPr="003A6976">
        <w:t xml:space="preserve"> site address, </w:t>
      </w:r>
      <w:r w:rsidR="00466080">
        <w:t>procurement method</w:t>
      </w:r>
      <w:r w:rsidR="00142C5F">
        <w:t>, internal project team</w:t>
      </w:r>
      <w:r w:rsidR="00466080">
        <w:t xml:space="preserve"> and</w:t>
      </w:r>
      <w:r w:rsidRPr="003A6976">
        <w:t xml:space="preserve"> the expected date for the facility to be in operation.&gt;</w:t>
      </w:r>
    </w:p>
    <w:p w14:paraId="48962B54" w14:textId="77777777" w:rsidR="004C1889" w:rsidRPr="00681E53" w:rsidRDefault="004C1889" w:rsidP="007B2721">
      <w:pPr>
        <w:jc w:val="both"/>
      </w:pPr>
    </w:p>
    <w:p w14:paraId="0A6E443E" w14:textId="291857FF" w:rsidR="00163988" w:rsidRDefault="00163988" w:rsidP="007B2721">
      <w:pPr>
        <w:pStyle w:val="Heading2"/>
        <w:jc w:val="both"/>
      </w:pPr>
      <w:bookmarkStart w:id="91" w:name="_Toc48050717"/>
      <w:bookmarkStart w:id="92" w:name="_Toc49252523"/>
      <w:bookmarkStart w:id="93" w:name="_Toc49267795"/>
      <w:bookmarkStart w:id="94" w:name="_Toc49267889"/>
      <w:bookmarkStart w:id="95" w:name="_Toc48050718"/>
      <w:bookmarkStart w:id="96" w:name="_Toc49252524"/>
      <w:bookmarkStart w:id="97" w:name="_Toc49267796"/>
      <w:bookmarkStart w:id="98" w:name="_Toc49267890"/>
      <w:bookmarkStart w:id="99" w:name="_Toc48050719"/>
      <w:bookmarkStart w:id="100" w:name="_Toc49252525"/>
      <w:bookmarkStart w:id="101" w:name="_Toc49267797"/>
      <w:bookmarkStart w:id="102" w:name="_Toc49267891"/>
      <w:bookmarkStart w:id="103" w:name="_Toc48050720"/>
      <w:bookmarkStart w:id="104" w:name="_Toc49252526"/>
      <w:bookmarkStart w:id="105" w:name="_Toc49267798"/>
      <w:bookmarkStart w:id="106" w:name="_Toc49267892"/>
      <w:bookmarkStart w:id="107" w:name="_Toc48050721"/>
      <w:bookmarkStart w:id="108" w:name="_Toc49252527"/>
      <w:bookmarkStart w:id="109" w:name="_Toc49267799"/>
      <w:bookmarkStart w:id="110" w:name="_Toc49267893"/>
      <w:bookmarkStart w:id="111" w:name="_Toc48050722"/>
      <w:bookmarkStart w:id="112" w:name="_Toc49252528"/>
      <w:bookmarkStart w:id="113" w:name="_Toc49267800"/>
      <w:bookmarkStart w:id="114" w:name="_Toc49267894"/>
      <w:bookmarkStart w:id="115" w:name="_Toc48050723"/>
      <w:bookmarkStart w:id="116" w:name="_Toc49252529"/>
      <w:bookmarkStart w:id="117" w:name="_Toc49267801"/>
      <w:bookmarkStart w:id="118" w:name="_Toc49267895"/>
      <w:bookmarkStart w:id="119" w:name="_Toc48050724"/>
      <w:bookmarkStart w:id="120" w:name="_Toc49252530"/>
      <w:bookmarkStart w:id="121" w:name="_Toc49267802"/>
      <w:bookmarkStart w:id="122" w:name="_Toc49267896"/>
      <w:bookmarkStart w:id="123" w:name="_Toc48050725"/>
      <w:bookmarkStart w:id="124" w:name="_Toc49252531"/>
      <w:bookmarkStart w:id="125" w:name="_Toc49267803"/>
      <w:bookmarkStart w:id="126" w:name="_Toc49267897"/>
      <w:bookmarkStart w:id="127" w:name="_Toc48050726"/>
      <w:bookmarkStart w:id="128" w:name="_Toc49252532"/>
      <w:bookmarkStart w:id="129" w:name="_Toc49267804"/>
      <w:bookmarkStart w:id="130" w:name="_Toc49267898"/>
      <w:bookmarkStart w:id="131" w:name="_Toc48050727"/>
      <w:bookmarkStart w:id="132" w:name="_Toc49252533"/>
      <w:bookmarkStart w:id="133" w:name="_Toc49267805"/>
      <w:bookmarkStart w:id="134" w:name="_Toc49267899"/>
      <w:bookmarkStart w:id="135" w:name="_Toc48050728"/>
      <w:bookmarkStart w:id="136" w:name="_Toc49252534"/>
      <w:bookmarkStart w:id="137" w:name="_Toc49267806"/>
      <w:bookmarkStart w:id="138" w:name="_Toc49267900"/>
      <w:bookmarkStart w:id="139" w:name="_Toc48050729"/>
      <w:bookmarkStart w:id="140" w:name="_Toc49252535"/>
      <w:bookmarkStart w:id="141" w:name="_Toc49267807"/>
      <w:bookmarkStart w:id="142" w:name="_Toc49267901"/>
      <w:bookmarkStart w:id="143" w:name="_Toc48050730"/>
      <w:bookmarkStart w:id="144" w:name="_Toc49252536"/>
      <w:bookmarkStart w:id="145" w:name="_Toc49267808"/>
      <w:bookmarkStart w:id="146" w:name="_Toc49267902"/>
      <w:bookmarkStart w:id="147" w:name="_Toc48050731"/>
      <w:bookmarkStart w:id="148" w:name="_Toc49252537"/>
      <w:bookmarkStart w:id="149" w:name="_Toc49267809"/>
      <w:bookmarkStart w:id="150" w:name="_Toc49267903"/>
      <w:bookmarkStart w:id="151" w:name="_Toc48050732"/>
      <w:bookmarkStart w:id="152" w:name="_Toc49252538"/>
      <w:bookmarkStart w:id="153" w:name="_Toc49267810"/>
      <w:bookmarkStart w:id="154" w:name="_Toc49267904"/>
      <w:bookmarkStart w:id="155" w:name="_Toc48050733"/>
      <w:bookmarkStart w:id="156" w:name="_Toc49252539"/>
      <w:bookmarkStart w:id="157" w:name="_Toc49267811"/>
      <w:bookmarkStart w:id="158" w:name="_Toc49267905"/>
      <w:bookmarkStart w:id="159" w:name="_Toc48050734"/>
      <w:bookmarkStart w:id="160" w:name="_Toc49252540"/>
      <w:bookmarkStart w:id="161" w:name="_Toc49267812"/>
      <w:bookmarkStart w:id="162" w:name="_Toc49267906"/>
      <w:bookmarkStart w:id="163" w:name="_Toc49356661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r>
        <w:t>Legacy information</w:t>
      </w:r>
      <w:bookmarkEnd w:id="163"/>
      <w:r>
        <w:t xml:space="preserve"> </w:t>
      </w:r>
    </w:p>
    <w:p w14:paraId="545138E9" w14:textId="7243BDA9" w:rsidR="009A6BB3" w:rsidRPr="00C931FA" w:rsidRDefault="009A6BB3" w:rsidP="007B2721">
      <w:pPr>
        <w:jc w:val="both"/>
      </w:pPr>
      <w:r>
        <w:t>&lt;Input any reference to any existing information related to the asset that better informs the project information requirements. Include hyperlinks or reference name/number and confirm</w:t>
      </w:r>
      <w:r w:rsidR="009F15EB">
        <w:t xml:space="preserve"> the</w:t>
      </w:r>
      <w:r>
        <w:t xml:space="preserve"> location of the legacy information.&gt; </w:t>
      </w:r>
    </w:p>
    <w:p w14:paraId="57870B34" w14:textId="6D51AADE" w:rsidR="00163988" w:rsidRPr="001E0B97" w:rsidRDefault="00163988" w:rsidP="00163988">
      <w:pPr>
        <w:pStyle w:val="Caption"/>
      </w:pPr>
      <w:r>
        <w:fldChar w:fldCharType="begin"/>
      </w:r>
      <w:r>
        <w:instrText>DOCPROPERTY  OfficeExtensionsTranslationTable  \</w:instrText>
      </w:r>
      <w:r>
        <w:fldChar w:fldCharType="separate"/>
      </w:r>
      <w:bookmarkStart w:id="164" w:name="_Toc49524495"/>
      <w:r>
        <w:t>Table</w:t>
      </w:r>
      <w:r>
        <w:fldChar w:fldCharType="end"/>
      </w:r>
      <w:bookmarkStart w:id="165" w:name="_Toc47088406"/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 w:rsidR="003164CB">
        <w:rPr>
          <w:noProof/>
        </w:rPr>
        <w:t>1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 w:rsidR="003164CB">
        <w:rPr>
          <w:noProof/>
        </w:rPr>
        <w:t>1</w:t>
      </w:r>
      <w:r>
        <w:fldChar w:fldCharType="end"/>
      </w:r>
      <w:r>
        <w:t>: Legacy information and shared resources</w:t>
      </w:r>
      <w:bookmarkEnd w:id="164"/>
      <w:bookmarkEnd w:id="165"/>
    </w:p>
    <w:tbl>
      <w:tblPr>
        <w:tblStyle w:val="MMTable"/>
        <w:tblW w:w="0" w:type="auto"/>
        <w:tblBorders>
          <w:insideH w:val="single" w:sz="4" w:space="0" w:color="auto"/>
          <w:insideV w:val="single" w:sz="4" w:space="0" w:color="auto"/>
        </w:tblBorders>
        <w:tblLook w:val="0420" w:firstRow="1" w:lastRow="0" w:firstColumn="0" w:lastColumn="0" w:noHBand="0" w:noVBand="1"/>
      </w:tblPr>
      <w:tblGrid>
        <w:gridCol w:w="1493"/>
        <w:gridCol w:w="1047"/>
        <w:gridCol w:w="860"/>
        <w:gridCol w:w="1631"/>
        <w:gridCol w:w="997"/>
        <w:gridCol w:w="1379"/>
        <w:gridCol w:w="1620"/>
      </w:tblGrid>
      <w:tr w:rsidR="00B8756D" w14:paraId="334307C8" w14:textId="77777777" w:rsidTr="007B3125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cantSplit/>
          <w:trHeight w:val="1134"/>
        </w:trPr>
        <w:tc>
          <w:tcPr>
            <w:tcW w:w="0" w:type="auto"/>
            <w:vAlign w:val="center"/>
          </w:tcPr>
          <w:p w14:paraId="72C5A141" w14:textId="77777777" w:rsidR="00B8756D" w:rsidRPr="00681E5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 w:rsidRPr="00681E53">
              <w:rPr>
                <w:rFonts w:cs="Arial"/>
                <w:b/>
                <w:sz w:val="18"/>
                <w:szCs w:val="18"/>
              </w:rPr>
              <w:t>Reference</w:t>
            </w:r>
          </w:p>
        </w:tc>
        <w:tc>
          <w:tcPr>
            <w:tcW w:w="0" w:type="auto"/>
            <w:textDirection w:val="btLr"/>
            <w:vAlign w:val="center"/>
          </w:tcPr>
          <w:p w14:paraId="234BD58C" w14:textId="57151BEE" w:rsidR="00B8756D" w:rsidRPr="007B3125" w:rsidRDefault="00B8756D" w:rsidP="00EB2911">
            <w:pPr>
              <w:ind w:left="113" w:right="113"/>
              <w:rPr>
                <w:rFonts w:cs="Arial"/>
                <w:b/>
                <w:sz w:val="18"/>
                <w:szCs w:val="18"/>
              </w:rPr>
            </w:pPr>
            <w:r w:rsidRPr="00EB2911">
              <w:rPr>
                <w:rFonts w:cs="Arial"/>
                <w:b/>
                <w:sz w:val="18"/>
                <w:szCs w:val="18"/>
              </w:rPr>
              <w:t>Revision</w:t>
            </w:r>
          </w:p>
        </w:tc>
        <w:tc>
          <w:tcPr>
            <w:tcW w:w="0" w:type="auto"/>
            <w:textDirection w:val="btLr"/>
            <w:vAlign w:val="center"/>
          </w:tcPr>
          <w:p w14:paraId="0E74A3E9" w14:textId="1A25AE52" w:rsidR="00B8756D" w:rsidRPr="007B3125" w:rsidRDefault="00B8756D" w:rsidP="00EB2911">
            <w:pPr>
              <w:ind w:left="113" w:right="113"/>
              <w:rPr>
                <w:rFonts w:cs="Arial"/>
                <w:b/>
                <w:sz w:val="18"/>
                <w:szCs w:val="18"/>
              </w:rPr>
            </w:pPr>
            <w:r w:rsidRPr="007B3125">
              <w:rPr>
                <w:rFonts w:cs="Arial"/>
                <w:b/>
                <w:sz w:val="18"/>
                <w:szCs w:val="18"/>
              </w:rPr>
              <w:t>Date</w:t>
            </w:r>
          </w:p>
        </w:tc>
        <w:tc>
          <w:tcPr>
            <w:tcW w:w="0" w:type="auto"/>
            <w:vAlign w:val="center"/>
          </w:tcPr>
          <w:p w14:paraId="22C832E0" w14:textId="0CDCD218" w:rsidR="00B8756D" w:rsidRPr="00AC562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>
              <w:rPr>
                <w:rFonts w:cs="Arial"/>
                <w:b/>
                <w:sz w:val="18"/>
                <w:szCs w:val="18"/>
              </w:rPr>
              <w:t>Information container name/ description</w:t>
            </w:r>
          </w:p>
        </w:tc>
        <w:tc>
          <w:tcPr>
            <w:tcW w:w="0" w:type="auto"/>
            <w:vAlign w:val="center"/>
          </w:tcPr>
          <w:p w14:paraId="75548361" w14:textId="77777777" w:rsidR="00B8756D" w:rsidRPr="00681E5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 w:rsidRPr="00681E53">
              <w:rPr>
                <w:rFonts w:cs="Arial"/>
                <w:b/>
                <w:sz w:val="18"/>
                <w:szCs w:val="18"/>
              </w:rPr>
              <w:t>Format</w:t>
            </w:r>
          </w:p>
        </w:tc>
        <w:tc>
          <w:tcPr>
            <w:tcW w:w="0" w:type="auto"/>
            <w:vAlign w:val="center"/>
          </w:tcPr>
          <w:p w14:paraId="46410F6F" w14:textId="201D8C3D" w:rsidR="00B8756D" w:rsidRPr="00681E5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>
              <w:rPr>
                <w:rFonts w:cs="Arial"/>
                <w:b/>
                <w:sz w:val="18"/>
                <w:szCs w:val="18"/>
              </w:rPr>
              <w:t>Team o</w:t>
            </w:r>
            <w:r w:rsidRPr="00681E53">
              <w:rPr>
                <w:rFonts w:cs="Arial"/>
                <w:b/>
                <w:sz w:val="18"/>
                <w:szCs w:val="18"/>
              </w:rPr>
              <w:t>rigin</w:t>
            </w:r>
            <w:r>
              <w:rPr>
                <w:rFonts w:cs="Arial"/>
                <w:b/>
                <w:sz w:val="18"/>
                <w:szCs w:val="18"/>
              </w:rPr>
              <w:t>ator</w:t>
            </w:r>
          </w:p>
        </w:tc>
        <w:tc>
          <w:tcPr>
            <w:tcW w:w="0" w:type="auto"/>
            <w:vAlign w:val="center"/>
          </w:tcPr>
          <w:p w14:paraId="34C98D6B" w14:textId="77777777" w:rsidR="00B8756D" w:rsidRPr="00681E5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>
              <w:rPr>
                <w:rFonts w:cs="Arial"/>
                <w:b/>
                <w:sz w:val="18"/>
                <w:szCs w:val="18"/>
              </w:rPr>
              <w:t>Location /URL</w:t>
            </w:r>
          </w:p>
        </w:tc>
      </w:tr>
      <w:tr w:rsidR="00B8756D" w14:paraId="7129C116" w14:textId="77777777" w:rsidTr="005D4BA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0" w:type="auto"/>
            <w:vAlign w:val="center"/>
          </w:tcPr>
          <w:p w14:paraId="2662DB89" w14:textId="2BCFE692" w:rsidR="00B8756D" w:rsidRPr="007B2721" w:rsidRDefault="00B8756D" w:rsidP="007B3125">
            <w:pPr>
              <w:rPr>
                <w:rFonts w:cs="Arial"/>
                <w:b/>
                <w:color w:val="FFFFFF" w:themeColor="background1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container identifier&gt;</w:t>
            </w:r>
          </w:p>
        </w:tc>
        <w:tc>
          <w:tcPr>
            <w:tcW w:w="0" w:type="auto"/>
            <w:vAlign w:val="center"/>
          </w:tcPr>
          <w:p w14:paraId="75FE710D" w14:textId="61CD3159" w:rsidR="00B8756D" w:rsidRPr="007B2721" w:rsidRDefault="00B8756D">
            <w:pPr>
              <w:rPr>
                <w:rFonts w:eastAsia="Times New Roman" w:cs="Arial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revision&gt;</w:t>
            </w:r>
          </w:p>
        </w:tc>
        <w:tc>
          <w:tcPr>
            <w:tcW w:w="0" w:type="auto"/>
            <w:vAlign w:val="center"/>
          </w:tcPr>
          <w:p w14:paraId="5C6D172B" w14:textId="17EB1A05" w:rsidR="00B8756D" w:rsidRPr="007B2721" w:rsidRDefault="00B8756D" w:rsidP="007B3125">
            <w:pPr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date&gt;</w:t>
            </w:r>
          </w:p>
        </w:tc>
        <w:tc>
          <w:tcPr>
            <w:tcW w:w="0" w:type="auto"/>
            <w:vAlign w:val="center"/>
          </w:tcPr>
          <w:p w14:paraId="398CDFFA" w14:textId="315200DE" w:rsidR="00B8756D" w:rsidRPr="007B2721" w:rsidRDefault="00B8756D" w:rsidP="007B3125">
            <w:pPr>
              <w:rPr>
                <w:rFonts w:cs="Arial"/>
                <w:b/>
                <w:color w:val="FFFFFF" w:themeColor="background1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name or description&gt;</w:t>
            </w:r>
          </w:p>
        </w:tc>
        <w:tc>
          <w:tcPr>
            <w:tcW w:w="0" w:type="auto"/>
            <w:vAlign w:val="center"/>
          </w:tcPr>
          <w:p w14:paraId="6C793F0D" w14:textId="31F81054" w:rsidR="00B8756D" w:rsidRPr="007B2721" w:rsidRDefault="00B8756D" w:rsidP="007B3125">
            <w:pPr>
              <w:jc w:val="center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Format&gt;</w:t>
            </w:r>
          </w:p>
        </w:tc>
        <w:tc>
          <w:tcPr>
            <w:tcW w:w="0" w:type="auto"/>
            <w:vAlign w:val="center"/>
          </w:tcPr>
          <w:p w14:paraId="0274CFA3" w14:textId="14972B87" w:rsidR="00B8756D" w:rsidRPr="007B2721" w:rsidRDefault="00B8756D" w:rsidP="007B3125">
            <w:pPr>
              <w:jc w:val="center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formation originator&gt;</w:t>
            </w:r>
          </w:p>
        </w:tc>
        <w:tc>
          <w:tcPr>
            <w:tcW w:w="0" w:type="auto"/>
            <w:vAlign w:val="center"/>
          </w:tcPr>
          <w:p w14:paraId="133B9E04" w14:textId="066D98B0" w:rsidR="00B8756D" w:rsidRPr="007B2721" w:rsidRDefault="00B8756D" w:rsidP="007B3125">
            <w:pPr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location/URL&gt;</w:t>
            </w:r>
          </w:p>
        </w:tc>
      </w:tr>
      <w:tr w:rsidR="00B8756D" w14:paraId="39832022" w14:textId="77777777" w:rsidTr="007B3125">
        <w:tc>
          <w:tcPr>
            <w:tcW w:w="0" w:type="auto"/>
            <w:vAlign w:val="center"/>
          </w:tcPr>
          <w:p w14:paraId="031922A3" w14:textId="77777777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2C5485F9" w14:textId="77777777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1421B678" w14:textId="351972C3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  <w:vAlign w:val="center"/>
          </w:tcPr>
          <w:p w14:paraId="76528C4C" w14:textId="5CDC8D33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57DD2B95" w14:textId="77777777" w:rsidR="00B8756D" w:rsidRPr="00681E53" w:rsidRDefault="00B8756D" w:rsidP="007B3125">
            <w:pPr>
              <w:jc w:val="center"/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5ADDDA27" w14:textId="77777777" w:rsidR="00B8756D" w:rsidRPr="00B0434D" w:rsidRDefault="00B8756D" w:rsidP="007B3125">
            <w:pPr>
              <w:jc w:val="center"/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03BE605A" w14:textId="77777777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</w:tr>
    </w:tbl>
    <w:p w14:paraId="69E16DB0" w14:textId="77777777" w:rsidR="00163988" w:rsidRDefault="00163988" w:rsidP="00163988"/>
    <w:p w14:paraId="7F620436" w14:textId="77777777" w:rsidR="00DA4EFD" w:rsidRPr="0044525C" w:rsidRDefault="00DA4EFD" w:rsidP="00EB2911"/>
    <w:p w14:paraId="59481C8A" w14:textId="1C9BC1AD" w:rsidR="00DA4EFD" w:rsidRDefault="00DA4EFD" w:rsidP="00DA4EFD">
      <w:pPr>
        <w:pStyle w:val="Heading1"/>
      </w:pPr>
      <w:bookmarkStart w:id="166" w:name="_Toc49356662"/>
      <w:r>
        <w:lastRenderedPageBreak/>
        <w:t>Plan of works</w:t>
      </w:r>
      <w:bookmarkEnd w:id="166"/>
      <w:r>
        <w:t xml:space="preserve"> </w:t>
      </w:r>
    </w:p>
    <w:p w14:paraId="55A5368B" w14:textId="218A7D03" w:rsidR="006121A3" w:rsidRDefault="00D55100" w:rsidP="004C1889">
      <w:pPr>
        <w:jc w:val="both"/>
        <w:rPr>
          <w:color w:val="000000" w:themeColor="text1"/>
        </w:rPr>
      </w:pPr>
      <w:r>
        <w:rPr>
          <w:color w:val="000000" w:themeColor="text1"/>
        </w:rPr>
        <w:t>&lt;</w:t>
      </w:r>
      <w:r w:rsidR="006121A3" w:rsidRPr="00681E53">
        <w:rPr>
          <w:color w:val="000000" w:themeColor="text1"/>
        </w:rPr>
        <w:t>This section identif</w:t>
      </w:r>
      <w:r w:rsidR="009F15EB">
        <w:rPr>
          <w:color w:val="000000" w:themeColor="text1"/>
        </w:rPr>
        <w:t>ies</w:t>
      </w:r>
      <w:r w:rsidR="006121A3" w:rsidRPr="00681E53">
        <w:rPr>
          <w:color w:val="000000" w:themeColor="text1"/>
        </w:rPr>
        <w:t xml:space="preserve"> the plan of works for the project. The</w:t>
      </w:r>
      <w:r w:rsidR="00574672">
        <w:rPr>
          <w:color w:val="000000" w:themeColor="text1"/>
        </w:rPr>
        <w:t xml:space="preserve"> plan of work</w:t>
      </w:r>
      <w:r w:rsidR="00214C40">
        <w:rPr>
          <w:color w:val="000000" w:themeColor="text1"/>
        </w:rPr>
        <w:t>s</w:t>
      </w:r>
      <w:r w:rsidR="00BE640C">
        <w:rPr>
          <w:color w:val="000000" w:themeColor="text1"/>
        </w:rPr>
        <w:t xml:space="preserve"> generally describes</w:t>
      </w:r>
      <w:r w:rsidR="006121A3" w:rsidRPr="00681E53">
        <w:rPr>
          <w:color w:val="000000" w:themeColor="text1"/>
        </w:rPr>
        <w:t xml:space="preserve"> the project/work stages</w:t>
      </w:r>
      <w:r w:rsidR="00BE640C">
        <w:rPr>
          <w:color w:val="000000" w:themeColor="text1"/>
        </w:rPr>
        <w:t xml:space="preserve"> </w:t>
      </w:r>
      <w:r w:rsidR="006121A3" w:rsidRPr="00681E53">
        <w:rPr>
          <w:color w:val="000000" w:themeColor="text1"/>
        </w:rPr>
        <w:t xml:space="preserve">that are used to divide the project, which </w:t>
      </w:r>
      <w:r w:rsidR="003A2EEC">
        <w:rPr>
          <w:color w:val="000000" w:themeColor="text1"/>
        </w:rPr>
        <w:t xml:space="preserve">may </w:t>
      </w:r>
      <w:r w:rsidR="006121A3" w:rsidRPr="00681E53">
        <w:rPr>
          <w:color w:val="000000" w:themeColor="text1"/>
        </w:rPr>
        <w:t>also be used for contractual purposes.</w:t>
      </w:r>
      <w:r>
        <w:rPr>
          <w:color w:val="000000" w:themeColor="text1"/>
        </w:rPr>
        <w:t>&gt;</w:t>
      </w:r>
      <w:r w:rsidR="006121A3" w:rsidRPr="00681E53">
        <w:rPr>
          <w:color w:val="000000" w:themeColor="text1"/>
        </w:rPr>
        <w:t xml:space="preserve"> </w:t>
      </w:r>
    </w:p>
    <w:p w14:paraId="6B8573DC" w14:textId="77777777" w:rsidR="004C1889" w:rsidRPr="00681E53" w:rsidRDefault="004C1889" w:rsidP="007B2721">
      <w:pPr>
        <w:jc w:val="both"/>
        <w:rPr>
          <w:color w:val="000000" w:themeColor="text1"/>
        </w:rPr>
      </w:pPr>
    </w:p>
    <w:p w14:paraId="2C7774D4" w14:textId="55D0FB13" w:rsidR="00DA4EFD" w:rsidRDefault="00730F8D" w:rsidP="007B2721">
      <w:pPr>
        <w:pStyle w:val="Heading2"/>
        <w:jc w:val="both"/>
      </w:pPr>
      <w:bookmarkStart w:id="167" w:name="_Toc49356663"/>
      <w:r>
        <w:t>Information delivery m</w:t>
      </w:r>
      <w:r w:rsidR="00DA4EFD">
        <w:t>ilestones</w:t>
      </w:r>
      <w:bookmarkEnd w:id="167"/>
    </w:p>
    <w:p w14:paraId="6BE20B06" w14:textId="0411C47C" w:rsidR="006121A3" w:rsidRPr="00681E53" w:rsidRDefault="00D55100" w:rsidP="007B2721">
      <w:pPr>
        <w:jc w:val="both"/>
        <w:rPr>
          <w:color w:val="000000" w:themeColor="text1"/>
        </w:rPr>
      </w:pPr>
      <w:r>
        <w:rPr>
          <w:color w:val="000000" w:themeColor="text1"/>
        </w:rPr>
        <w:t>&lt;Define the i</w:t>
      </w:r>
      <w:r w:rsidR="006121A3" w:rsidRPr="00681E53">
        <w:rPr>
          <w:color w:val="000000" w:themeColor="text1"/>
        </w:rPr>
        <w:t>nformation delivery milestones</w:t>
      </w:r>
      <w:r w:rsidR="00AD4B82">
        <w:rPr>
          <w:color w:val="000000" w:themeColor="text1"/>
        </w:rPr>
        <w:t>,</w:t>
      </w:r>
      <w:r w:rsidR="006121A3" w:rsidRPr="00681E53">
        <w:rPr>
          <w:color w:val="000000" w:themeColor="text1"/>
        </w:rPr>
        <w:t xml:space="preserve"> where specified information deliverables are exchanged</w:t>
      </w:r>
      <w:r w:rsidR="00AD4B82">
        <w:rPr>
          <w:color w:val="000000" w:themeColor="text1"/>
        </w:rPr>
        <w:t xml:space="preserve"> during the</w:t>
      </w:r>
      <w:r w:rsidR="006121A3" w:rsidRPr="00681E53">
        <w:rPr>
          <w:color w:val="000000" w:themeColor="text1"/>
        </w:rPr>
        <w:t xml:space="preserve"> project.</w:t>
      </w:r>
      <w:r>
        <w:rPr>
          <w:color w:val="000000" w:themeColor="text1"/>
        </w:rPr>
        <w:t>&gt;</w:t>
      </w:r>
    </w:p>
    <w:p w14:paraId="3B3A774C" w14:textId="7FB3C7EA" w:rsidR="00DA4EFD" w:rsidRDefault="00545F81" w:rsidP="00EB2911">
      <w:pPr>
        <w:pStyle w:val="Caption"/>
      </w:pPr>
      <w:r>
        <w:fldChar w:fldCharType="begin"/>
      </w:r>
      <w:r>
        <w:instrText>DOCPROPERTY  OfficeExtensionsTranslationTable  \</w:instrText>
      </w:r>
      <w:r>
        <w:fldChar w:fldCharType="separate"/>
      </w:r>
      <w:bookmarkStart w:id="168" w:name="_Toc49524496"/>
      <w:r>
        <w:t>Table</w:t>
      </w:r>
      <w:r>
        <w:fldChar w:fldCharType="end"/>
      </w:r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>
        <w:rPr>
          <w:noProof/>
        </w:rPr>
        <w:t>2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1</w:t>
      </w:r>
      <w:r>
        <w:fldChar w:fldCharType="end"/>
      </w:r>
      <w:r>
        <w:t>: Information delivery milestones plan</w:t>
      </w:r>
      <w:bookmarkEnd w:id="168"/>
    </w:p>
    <w:tbl>
      <w:tblPr>
        <w:tblStyle w:val="MMTable"/>
        <w:tblW w:w="0" w:type="auto"/>
        <w:tblBorders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851"/>
        <w:gridCol w:w="1134"/>
        <w:gridCol w:w="3580"/>
        <w:gridCol w:w="2337"/>
        <w:gridCol w:w="1125"/>
      </w:tblGrid>
      <w:tr w:rsidR="00556F43" w:rsidRPr="0005762D" w14:paraId="2E68864F" w14:textId="77777777" w:rsidTr="008271A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142"/>
        </w:trPr>
        <w:tc>
          <w:tcPr>
            <w:tcW w:w="851" w:type="dxa"/>
            <w:shd w:val="clear" w:color="auto" w:fill="auto"/>
            <w:textDirection w:val="btLr"/>
            <w:vAlign w:val="center"/>
          </w:tcPr>
          <w:p w14:paraId="7CAA924B" w14:textId="4720A97B" w:rsidR="00B468E1" w:rsidRDefault="00B0166F" w:rsidP="00EB2911">
            <w:pPr>
              <w:pStyle w:val="NoSpacing"/>
              <w:ind w:left="113" w:right="113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Work</w:t>
            </w:r>
            <w:r w:rsidR="00B468E1">
              <w:rPr>
                <w:rFonts w:asciiTheme="minorHAnsi" w:hAnsiTheme="minorHAnsi" w:cstheme="minorHAnsi"/>
                <w:b/>
                <w:sz w:val="18"/>
                <w:szCs w:val="18"/>
              </w:rPr>
              <w:t xml:space="preserve"> stage</w:t>
            </w:r>
          </w:p>
        </w:tc>
        <w:tc>
          <w:tcPr>
            <w:tcW w:w="1134" w:type="dxa"/>
            <w:textDirection w:val="btLr"/>
            <w:vAlign w:val="center"/>
          </w:tcPr>
          <w:p w14:paraId="36BB4D72" w14:textId="3105EF61" w:rsidR="008271AC" w:rsidRPr="00EB2911" w:rsidRDefault="00B468E1" w:rsidP="00EB2911">
            <w:pPr>
              <w:pStyle w:val="NoSpacing"/>
              <w:ind w:left="113" w:right="113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Milestone</w:t>
            </w:r>
          </w:p>
        </w:tc>
        <w:tc>
          <w:tcPr>
            <w:tcW w:w="3580" w:type="dxa"/>
            <w:vAlign w:val="center"/>
          </w:tcPr>
          <w:p w14:paraId="4A96CE2D" w14:textId="64A7BD05" w:rsidR="00B468E1" w:rsidRPr="00EB2911" w:rsidRDefault="00B468E1" w:rsidP="006121A3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Work</w:t>
            </w:r>
            <w:r w:rsidR="009F15EB">
              <w:rPr>
                <w:rFonts w:asciiTheme="minorHAnsi" w:hAnsiTheme="minorHAnsi" w:cstheme="minorHAnsi"/>
                <w:b/>
                <w:sz w:val="18"/>
                <w:szCs w:val="18"/>
              </w:rPr>
              <w:t xml:space="preserve"> </w:t>
            </w: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package/activity</w:t>
            </w:r>
          </w:p>
        </w:tc>
        <w:tc>
          <w:tcPr>
            <w:tcW w:w="0" w:type="auto"/>
            <w:vAlign w:val="center"/>
          </w:tcPr>
          <w:p w14:paraId="67964D00" w14:textId="0774096D" w:rsidR="00B468E1" w:rsidRPr="0005762D" w:rsidRDefault="00B468E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Group/team</w:t>
            </w:r>
          </w:p>
        </w:tc>
        <w:tc>
          <w:tcPr>
            <w:tcW w:w="0" w:type="auto"/>
            <w:vAlign w:val="center"/>
          </w:tcPr>
          <w:p w14:paraId="758FF2F5" w14:textId="20ABC8F6" w:rsidR="00B468E1" w:rsidRPr="00EB2911" w:rsidRDefault="00B468E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 w:rsidRPr="00EB2911">
              <w:rPr>
                <w:rFonts w:cstheme="minorHAnsi"/>
                <w:b/>
                <w:color w:val="auto"/>
                <w:sz w:val="18"/>
                <w:szCs w:val="18"/>
              </w:rPr>
              <w:t>Date</w:t>
            </w:r>
          </w:p>
        </w:tc>
      </w:tr>
      <w:tr w:rsidR="00B468E1" w:rsidRPr="0005762D" w14:paraId="540AF119" w14:textId="77777777" w:rsidTr="008271A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15"/>
        </w:trPr>
        <w:tc>
          <w:tcPr>
            <w:tcW w:w="851" w:type="dxa"/>
            <w:vMerge w:val="restart"/>
            <w:shd w:val="clear" w:color="auto" w:fill="auto"/>
            <w:vAlign w:val="center"/>
          </w:tcPr>
          <w:p w14:paraId="7AF54E5A" w14:textId="120B4967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project stage&gt;</w:t>
            </w:r>
          </w:p>
        </w:tc>
        <w:tc>
          <w:tcPr>
            <w:tcW w:w="1134" w:type="dxa"/>
            <w:vAlign w:val="center"/>
          </w:tcPr>
          <w:p w14:paraId="2FCBC1BE" w14:textId="560BAD10" w:rsidR="00B468E1" w:rsidRPr="004C1889" w:rsidRDefault="00B468E1" w:rsidP="0034372F">
            <w:pPr>
              <w:pStyle w:val="NoSpacing"/>
              <w:jc w:val="center"/>
              <w:rPr>
                <w:rFonts w:asciiTheme="minorHAnsi" w:hAnsiTheme="minorHAnsi" w:cstheme="minorHAnsi"/>
                <w:bCs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milestone ref&gt;</w:t>
            </w:r>
          </w:p>
        </w:tc>
        <w:tc>
          <w:tcPr>
            <w:tcW w:w="3580" w:type="dxa"/>
          </w:tcPr>
          <w:p w14:paraId="36D450FE" w14:textId="18FB24F1" w:rsidR="00B468E1" w:rsidRPr="004C1889" w:rsidRDefault="00B468E1" w:rsidP="0034372F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work package/activity&gt;</w:t>
            </w:r>
          </w:p>
        </w:tc>
        <w:tc>
          <w:tcPr>
            <w:tcW w:w="0" w:type="auto"/>
          </w:tcPr>
          <w:p w14:paraId="318BA891" w14:textId="75C4FB21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group/team responsible&gt;</w:t>
            </w:r>
          </w:p>
        </w:tc>
        <w:tc>
          <w:tcPr>
            <w:tcW w:w="0" w:type="auto"/>
          </w:tcPr>
          <w:p w14:paraId="200DFF61" w14:textId="20E30911" w:rsidR="00B468E1" w:rsidRPr="004C1889" w:rsidRDefault="00B468E1" w:rsidP="00EB2911">
            <w:pPr>
              <w:pStyle w:val="NoSpacing"/>
              <w:jc w:val="center"/>
              <w:rPr>
                <w:rFonts w:asciiTheme="minorHAnsi" w:hAnsiTheme="minorHAnsi" w:cstheme="minorHAnsi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date&gt;</w:t>
            </w:r>
          </w:p>
        </w:tc>
      </w:tr>
      <w:tr w:rsidR="00B468E1" w:rsidRPr="0005762D" w14:paraId="3A119051" w14:textId="77777777" w:rsidTr="008271AC">
        <w:trPr>
          <w:trHeight w:val="155"/>
        </w:trPr>
        <w:tc>
          <w:tcPr>
            <w:tcW w:w="851" w:type="dxa"/>
            <w:vMerge/>
            <w:shd w:val="clear" w:color="auto" w:fill="auto"/>
          </w:tcPr>
          <w:p w14:paraId="760BE9EE" w14:textId="77777777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1134" w:type="dxa"/>
            <w:vAlign w:val="center"/>
          </w:tcPr>
          <w:p w14:paraId="421A47DF" w14:textId="77777777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3580" w:type="dxa"/>
          </w:tcPr>
          <w:p w14:paraId="05440BF5" w14:textId="4B7F2F6E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0" w:type="auto"/>
          </w:tcPr>
          <w:p w14:paraId="1E8B7698" w14:textId="77777777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0" w:type="auto"/>
          </w:tcPr>
          <w:p w14:paraId="67516EB9" w14:textId="6C5E3DF3" w:rsidR="00B468E1" w:rsidRPr="004C1889" w:rsidRDefault="00B468E1" w:rsidP="00EB2911">
            <w:pPr>
              <w:pStyle w:val="NoSpacing"/>
              <w:jc w:val="center"/>
              <w:rPr>
                <w:rFonts w:cstheme="minorHAnsi"/>
                <w:sz w:val="18"/>
                <w:szCs w:val="18"/>
              </w:rPr>
            </w:pPr>
          </w:p>
        </w:tc>
      </w:tr>
      <w:tr w:rsidR="00B468E1" w:rsidRPr="0005762D" w14:paraId="5E372610" w14:textId="77777777" w:rsidTr="008271A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55"/>
        </w:trPr>
        <w:tc>
          <w:tcPr>
            <w:tcW w:w="851" w:type="dxa"/>
            <w:shd w:val="clear" w:color="auto" w:fill="auto"/>
            <w:vAlign w:val="center"/>
          </w:tcPr>
          <w:p w14:paraId="7CFBF965" w14:textId="3A8A0935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1134" w:type="dxa"/>
            <w:vAlign w:val="center"/>
          </w:tcPr>
          <w:p w14:paraId="699BA4EE" w14:textId="70DBC7B9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3580" w:type="dxa"/>
          </w:tcPr>
          <w:p w14:paraId="13132770" w14:textId="6CED90E0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0" w:type="auto"/>
          </w:tcPr>
          <w:p w14:paraId="60DCB985" w14:textId="0FBAD2B9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0EC60840" w14:textId="066A2E01" w:rsidR="00B468E1" w:rsidRPr="004C1889" w:rsidRDefault="00B468E1" w:rsidP="00EB2911">
            <w:pPr>
              <w:pStyle w:val="NoSpacing"/>
              <w:jc w:val="center"/>
              <w:rPr>
                <w:rFonts w:cstheme="minorHAnsi"/>
                <w:sz w:val="18"/>
                <w:szCs w:val="18"/>
              </w:rPr>
            </w:pPr>
          </w:p>
        </w:tc>
      </w:tr>
    </w:tbl>
    <w:p w14:paraId="100924F7" w14:textId="60771639" w:rsidR="00DA4EFD" w:rsidRDefault="00DA4EFD" w:rsidP="00DA4EFD">
      <w:r>
        <w:tab/>
      </w:r>
    </w:p>
    <w:p w14:paraId="6E657D6A" w14:textId="77777777" w:rsidR="00DA4EFD" w:rsidRPr="00DA4EFD" w:rsidRDefault="00DA4EFD"/>
    <w:p w14:paraId="0E034B3E" w14:textId="7072223A" w:rsidR="00C71E4E" w:rsidRDefault="00C71E4E" w:rsidP="00D33CE6">
      <w:pPr>
        <w:pStyle w:val="Heading1"/>
      </w:pPr>
      <w:bookmarkStart w:id="169" w:name="_Toc48050738"/>
      <w:bookmarkStart w:id="170" w:name="_Toc49252544"/>
      <w:bookmarkStart w:id="171" w:name="_Toc49267816"/>
      <w:bookmarkStart w:id="172" w:name="_Toc49267910"/>
      <w:bookmarkStart w:id="173" w:name="_Toc48050739"/>
      <w:bookmarkStart w:id="174" w:name="_Toc49252545"/>
      <w:bookmarkStart w:id="175" w:name="_Toc49267817"/>
      <w:bookmarkStart w:id="176" w:name="_Toc49267911"/>
      <w:bookmarkStart w:id="177" w:name="_Toc48050740"/>
      <w:bookmarkStart w:id="178" w:name="_Toc49252546"/>
      <w:bookmarkStart w:id="179" w:name="_Toc49267818"/>
      <w:bookmarkStart w:id="180" w:name="_Toc49267912"/>
      <w:bookmarkStart w:id="181" w:name="_Toc48050741"/>
      <w:bookmarkStart w:id="182" w:name="_Toc49252547"/>
      <w:bookmarkStart w:id="183" w:name="_Toc49267819"/>
      <w:bookmarkStart w:id="184" w:name="_Toc49267913"/>
      <w:bookmarkStart w:id="185" w:name="_Toc48050742"/>
      <w:bookmarkStart w:id="186" w:name="_Toc49252548"/>
      <w:bookmarkStart w:id="187" w:name="_Toc49267820"/>
      <w:bookmarkStart w:id="188" w:name="_Toc49267914"/>
      <w:bookmarkStart w:id="189" w:name="_Toc48050743"/>
      <w:bookmarkStart w:id="190" w:name="_Toc49252549"/>
      <w:bookmarkStart w:id="191" w:name="_Toc49267821"/>
      <w:bookmarkStart w:id="192" w:name="_Toc49267915"/>
      <w:bookmarkStart w:id="193" w:name="_Toc48050744"/>
      <w:bookmarkStart w:id="194" w:name="_Toc49252550"/>
      <w:bookmarkStart w:id="195" w:name="_Toc49267822"/>
      <w:bookmarkStart w:id="196" w:name="_Toc49267916"/>
      <w:bookmarkStart w:id="197" w:name="_Toc48050745"/>
      <w:bookmarkStart w:id="198" w:name="_Toc49252551"/>
      <w:bookmarkStart w:id="199" w:name="_Toc49267823"/>
      <w:bookmarkStart w:id="200" w:name="_Toc49267917"/>
      <w:bookmarkStart w:id="201" w:name="_Toc48050746"/>
      <w:bookmarkStart w:id="202" w:name="_Toc49252552"/>
      <w:bookmarkStart w:id="203" w:name="_Toc49267824"/>
      <w:bookmarkStart w:id="204" w:name="_Toc49267918"/>
      <w:bookmarkStart w:id="205" w:name="_Toc48050747"/>
      <w:bookmarkStart w:id="206" w:name="_Toc49252553"/>
      <w:bookmarkStart w:id="207" w:name="_Toc49267825"/>
      <w:bookmarkStart w:id="208" w:name="_Toc49267919"/>
      <w:bookmarkStart w:id="209" w:name="_Toc48050748"/>
      <w:bookmarkStart w:id="210" w:name="_Toc49252554"/>
      <w:bookmarkStart w:id="211" w:name="_Toc49267826"/>
      <w:bookmarkStart w:id="212" w:name="_Toc49267920"/>
      <w:bookmarkStart w:id="213" w:name="_Toc48050749"/>
      <w:bookmarkStart w:id="214" w:name="_Toc49252555"/>
      <w:bookmarkStart w:id="215" w:name="_Toc49267827"/>
      <w:bookmarkStart w:id="216" w:name="_Toc49267921"/>
      <w:bookmarkStart w:id="217" w:name="_Toc48050750"/>
      <w:bookmarkStart w:id="218" w:name="_Toc49252556"/>
      <w:bookmarkStart w:id="219" w:name="_Toc49267828"/>
      <w:bookmarkStart w:id="220" w:name="_Toc49267922"/>
      <w:bookmarkStart w:id="221" w:name="_Toc48050751"/>
      <w:bookmarkStart w:id="222" w:name="_Toc49252557"/>
      <w:bookmarkStart w:id="223" w:name="_Toc49267829"/>
      <w:bookmarkStart w:id="224" w:name="_Toc49267923"/>
      <w:bookmarkStart w:id="225" w:name="_Toc48050752"/>
      <w:bookmarkStart w:id="226" w:name="_Toc49252558"/>
      <w:bookmarkStart w:id="227" w:name="_Toc49267830"/>
      <w:bookmarkStart w:id="228" w:name="_Toc49267924"/>
      <w:bookmarkStart w:id="229" w:name="_Toc48050753"/>
      <w:bookmarkStart w:id="230" w:name="_Toc49252559"/>
      <w:bookmarkStart w:id="231" w:name="_Toc49267831"/>
      <w:bookmarkStart w:id="232" w:name="_Toc49267925"/>
      <w:bookmarkStart w:id="233" w:name="_Toc48050754"/>
      <w:bookmarkStart w:id="234" w:name="_Toc49252560"/>
      <w:bookmarkStart w:id="235" w:name="_Toc49267832"/>
      <w:bookmarkStart w:id="236" w:name="_Toc49267926"/>
      <w:bookmarkStart w:id="237" w:name="_Toc48050755"/>
      <w:bookmarkStart w:id="238" w:name="_Toc49252561"/>
      <w:bookmarkStart w:id="239" w:name="_Toc49267833"/>
      <w:bookmarkStart w:id="240" w:name="_Toc49267927"/>
      <w:bookmarkStart w:id="241" w:name="_Toc48050756"/>
      <w:bookmarkStart w:id="242" w:name="_Toc49252562"/>
      <w:bookmarkStart w:id="243" w:name="_Toc49267834"/>
      <w:bookmarkStart w:id="244" w:name="_Toc49267928"/>
      <w:bookmarkStart w:id="245" w:name="_Toc48050757"/>
      <w:bookmarkStart w:id="246" w:name="_Toc49252563"/>
      <w:bookmarkStart w:id="247" w:name="_Toc49267835"/>
      <w:bookmarkStart w:id="248" w:name="_Toc49267929"/>
      <w:bookmarkStart w:id="249" w:name="_Toc48050758"/>
      <w:bookmarkStart w:id="250" w:name="_Toc49252564"/>
      <w:bookmarkStart w:id="251" w:name="_Toc49267836"/>
      <w:bookmarkStart w:id="252" w:name="_Toc49267930"/>
      <w:bookmarkStart w:id="253" w:name="_Toc48050759"/>
      <w:bookmarkStart w:id="254" w:name="_Toc49252565"/>
      <w:bookmarkStart w:id="255" w:name="_Toc49267837"/>
      <w:bookmarkStart w:id="256" w:name="_Toc49267931"/>
      <w:bookmarkStart w:id="257" w:name="_Toc48050760"/>
      <w:bookmarkStart w:id="258" w:name="_Toc49252566"/>
      <w:bookmarkStart w:id="259" w:name="_Toc49267838"/>
      <w:bookmarkStart w:id="260" w:name="_Toc49267932"/>
      <w:bookmarkStart w:id="261" w:name="_Toc48050761"/>
      <w:bookmarkStart w:id="262" w:name="_Toc49252567"/>
      <w:bookmarkStart w:id="263" w:name="_Toc49267839"/>
      <w:bookmarkStart w:id="264" w:name="_Toc49267933"/>
      <w:bookmarkStart w:id="265" w:name="_Toc48050762"/>
      <w:bookmarkStart w:id="266" w:name="_Toc49252568"/>
      <w:bookmarkStart w:id="267" w:name="_Toc49267840"/>
      <w:bookmarkStart w:id="268" w:name="_Toc49267934"/>
      <w:bookmarkStart w:id="269" w:name="_Toc48050763"/>
      <w:bookmarkStart w:id="270" w:name="_Toc49252569"/>
      <w:bookmarkStart w:id="271" w:name="_Toc49267841"/>
      <w:bookmarkStart w:id="272" w:name="_Toc49267935"/>
      <w:bookmarkStart w:id="273" w:name="_Toc48050764"/>
      <w:bookmarkStart w:id="274" w:name="_Toc49252570"/>
      <w:bookmarkStart w:id="275" w:name="_Toc49267842"/>
      <w:bookmarkStart w:id="276" w:name="_Toc49267936"/>
      <w:bookmarkStart w:id="277" w:name="_Toc48050765"/>
      <w:bookmarkStart w:id="278" w:name="_Toc49252571"/>
      <w:bookmarkStart w:id="279" w:name="_Toc49267843"/>
      <w:bookmarkStart w:id="280" w:name="_Toc49267937"/>
      <w:bookmarkStart w:id="281" w:name="_Toc48050766"/>
      <w:bookmarkStart w:id="282" w:name="_Toc49252572"/>
      <w:bookmarkStart w:id="283" w:name="_Toc49267844"/>
      <w:bookmarkStart w:id="284" w:name="_Toc49267938"/>
      <w:bookmarkStart w:id="285" w:name="_Toc48050767"/>
      <w:bookmarkStart w:id="286" w:name="_Toc49252573"/>
      <w:bookmarkStart w:id="287" w:name="_Toc49267845"/>
      <w:bookmarkStart w:id="288" w:name="_Toc49267939"/>
      <w:bookmarkStart w:id="289" w:name="_Toc48050768"/>
      <w:bookmarkStart w:id="290" w:name="_Toc49252574"/>
      <w:bookmarkStart w:id="291" w:name="_Toc49267846"/>
      <w:bookmarkStart w:id="292" w:name="_Toc49267940"/>
      <w:bookmarkStart w:id="293" w:name="_Toc48050769"/>
      <w:bookmarkStart w:id="294" w:name="_Toc49252575"/>
      <w:bookmarkStart w:id="295" w:name="_Toc49267847"/>
      <w:bookmarkStart w:id="296" w:name="_Toc49267941"/>
      <w:bookmarkStart w:id="297" w:name="_Toc48050770"/>
      <w:bookmarkStart w:id="298" w:name="_Toc49252576"/>
      <w:bookmarkStart w:id="299" w:name="_Toc49267848"/>
      <w:bookmarkStart w:id="300" w:name="_Toc49267942"/>
      <w:bookmarkStart w:id="301" w:name="_Toc48050771"/>
      <w:bookmarkStart w:id="302" w:name="_Toc49252577"/>
      <w:bookmarkStart w:id="303" w:name="_Toc49267849"/>
      <w:bookmarkStart w:id="304" w:name="_Toc49267943"/>
      <w:bookmarkStart w:id="305" w:name="_Toc48050772"/>
      <w:bookmarkStart w:id="306" w:name="_Toc49252578"/>
      <w:bookmarkStart w:id="307" w:name="_Toc49267850"/>
      <w:bookmarkStart w:id="308" w:name="_Toc49267944"/>
      <w:bookmarkStart w:id="309" w:name="_Toc48050773"/>
      <w:bookmarkStart w:id="310" w:name="_Toc49252579"/>
      <w:bookmarkStart w:id="311" w:name="_Toc49267851"/>
      <w:bookmarkStart w:id="312" w:name="_Toc49267945"/>
      <w:bookmarkStart w:id="313" w:name="_Toc48050774"/>
      <w:bookmarkStart w:id="314" w:name="_Toc49252580"/>
      <w:bookmarkStart w:id="315" w:name="_Toc49267852"/>
      <w:bookmarkStart w:id="316" w:name="_Toc49267946"/>
      <w:bookmarkStart w:id="317" w:name="_Toc48050775"/>
      <w:bookmarkStart w:id="318" w:name="_Toc49252581"/>
      <w:bookmarkStart w:id="319" w:name="_Toc49267853"/>
      <w:bookmarkStart w:id="320" w:name="_Toc49267947"/>
      <w:bookmarkStart w:id="321" w:name="_Toc48050776"/>
      <w:bookmarkStart w:id="322" w:name="_Toc49252582"/>
      <w:bookmarkStart w:id="323" w:name="_Toc49267854"/>
      <w:bookmarkStart w:id="324" w:name="_Toc49267948"/>
      <w:bookmarkStart w:id="325" w:name="_Toc48050777"/>
      <w:bookmarkStart w:id="326" w:name="_Toc49252583"/>
      <w:bookmarkStart w:id="327" w:name="_Toc49267855"/>
      <w:bookmarkStart w:id="328" w:name="_Toc49267949"/>
      <w:bookmarkStart w:id="329" w:name="_Toc48050778"/>
      <w:bookmarkStart w:id="330" w:name="_Toc49252584"/>
      <w:bookmarkStart w:id="331" w:name="_Toc49267856"/>
      <w:bookmarkStart w:id="332" w:name="_Toc49267950"/>
      <w:bookmarkStart w:id="333" w:name="_Toc48050779"/>
      <w:bookmarkStart w:id="334" w:name="_Toc49252585"/>
      <w:bookmarkStart w:id="335" w:name="_Toc49267857"/>
      <w:bookmarkStart w:id="336" w:name="_Toc49267951"/>
      <w:bookmarkStart w:id="337" w:name="_Toc48050780"/>
      <w:bookmarkStart w:id="338" w:name="_Toc49252586"/>
      <w:bookmarkStart w:id="339" w:name="_Toc49267858"/>
      <w:bookmarkStart w:id="340" w:name="_Toc49267952"/>
      <w:bookmarkStart w:id="341" w:name="_Toc49356664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bookmarkEnd w:id="205"/>
      <w:bookmarkEnd w:id="206"/>
      <w:bookmarkEnd w:id="207"/>
      <w:bookmarkEnd w:id="208"/>
      <w:bookmarkEnd w:id="209"/>
      <w:bookmarkEnd w:id="210"/>
      <w:bookmarkEnd w:id="211"/>
      <w:bookmarkEnd w:id="212"/>
      <w:bookmarkEnd w:id="213"/>
      <w:bookmarkEnd w:id="214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bookmarkEnd w:id="233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bookmarkEnd w:id="276"/>
      <w:bookmarkEnd w:id="277"/>
      <w:bookmarkEnd w:id="278"/>
      <w:bookmarkEnd w:id="279"/>
      <w:bookmarkEnd w:id="280"/>
      <w:bookmarkEnd w:id="281"/>
      <w:bookmarkEnd w:id="282"/>
      <w:bookmarkEnd w:id="283"/>
      <w:bookmarkEnd w:id="284"/>
      <w:bookmarkEnd w:id="285"/>
      <w:bookmarkEnd w:id="286"/>
      <w:bookmarkEnd w:id="287"/>
      <w:bookmarkEnd w:id="288"/>
      <w:bookmarkEnd w:id="289"/>
      <w:bookmarkEnd w:id="290"/>
      <w:bookmarkEnd w:id="291"/>
      <w:bookmarkEnd w:id="292"/>
      <w:bookmarkEnd w:id="293"/>
      <w:bookmarkEnd w:id="294"/>
      <w:bookmarkEnd w:id="295"/>
      <w:bookmarkEnd w:id="296"/>
      <w:bookmarkEnd w:id="297"/>
      <w:bookmarkEnd w:id="298"/>
      <w:bookmarkEnd w:id="299"/>
      <w:bookmarkEnd w:id="300"/>
      <w:bookmarkEnd w:id="301"/>
      <w:bookmarkEnd w:id="302"/>
      <w:bookmarkEnd w:id="303"/>
      <w:bookmarkEnd w:id="304"/>
      <w:bookmarkEnd w:id="305"/>
      <w:bookmarkEnd w:id="306"/>
      <w:bookmarkEnd w:id="307"/>
      <w:bookmarkEnd w:id="308"/>
      <w:bookmarkEnd w:id="309"/>
      <w:bookmarkEnd w:id="310"/>
      <w:bookmarkEnd w:id="311"/>
      <w:bookmarkEnd w:id="312"/>
      <w:bookmarkEnd w:id="313"/>
      <w:bookmarkEnd w:id="314"/>
      <w:bookmarkEnd w:id="315"/>
      <w:bookmarkEnd w:id="316"/>
      <w:bookmarkEnd w:id="317"/>
      <w:bookmarkEnd w:id="318"/>
      <w:bookmarkEnd w:id="319"/>
      <w:bookmarkEnd w:id="320"/>
      <w:bookmarkEnd w:id="321"/>
      <w:bookmarkEnd w:id="322"/>
      <w:bookmarkEnd w:id="323"/>
      <w:bookmarkEnd w:id="324"/>
      <w:bookmarkEnd w:id="325"/>
      <w:bookmarkEnd w:id="326"/>
      <w:bookmarkEnd w:id="327"/>
      <w:bookmarkEnd w:id="328"/>
      <w:bookmarkEnd w:id="329"/>
      <w:bookmarkEnd w:id="330"/>
      <w:bookmarkEnd w:id="331"/>
      <w:bookmarkEnd w:id="332"/>
      <w:bookmarkEnd w:id="333"/>
      <w:bookmarkEnd w:id="334"/>
      <w:bookmarkEnd w:id="335"/>
      <w:bookmarkEnd w:id="336"/>
      <w:bookmarkEnd w:id="337"/>
      <w:bookmarkEnd w:id="338"/>
      <w:bookmarkEnd w:id="339"/>
      <w:bookmarkEnd w:id="340"/>
      <w:r>
        <w:lastRenderedPageBreak/>
        <w:t xml:space="preserve">Information </w:t>
      </w:r>
      <w:r w:rsidR="00732589">
        <w:t>requirements</w:t>
      </w:r>
      <w:bookmarkEnd w:id="341"/>
    </w:p>
    <w:p w14:paraId="2F6A3F9F" w14:textId="79BAAE90" w:rsidR="00C71E4E" w:rsidRDefault="00AF5A48" w:rsidP="004C1889">
      <w:pPr>
        <w:jc w:val="both"/>
      </w:pPr>
      <w:r>
        <w:t>&lt;</w:t>
      </w:r>
      <w:r w:rsidR="006121A3" w:rsidRPr="00681E53">
        <w:t xml:space="preserve">Use this section to define the information requirements </w:t>
      </w:r>
      <w:r w:rsidR="009F15EB">
        <w:t xml:space="preserve">that are </w:t>
      </w:r>
      <w:r w:rsidR="006121A3" w:rsidRPr="00681E53">
        <w:t>specific to the project and describe how they are manage</w:t>
      </w:r>
      <w:r w:rsidR="00581E45">
        <w:t xml:space="preserve">d. </w:t>
      </w:r>
      <w:r w:rsidR="003B4038">
        <w:t>These should be the</w:t>
      </w:r>
      <w:r w:rsidR="003D354E">
        <w:t xml:space="preserve"> specific</w:t>
      </w:r>
      <w:r w:rsidR="003B4038">
        <w:t xml:space="preserve"> requirements of the delivery phase of an asset</w:t>
      </w:r>
      <w:r w:rsidR="00246F32">
        <w:t>.</w:t>
      </w:r>
      <w:r w:rsidR="00C71E4E">
        <w:t>&gt;</w:t>
      </w:r>
    </w:p>
    <w:p w14:paraId="09C7BD08" w14:textId="77777777" w:rsidR="004C1889" w:rsidRDefault="004C1889" w:rsidP="007B2721">
      <w:pPr>
        <w:jc w:val="both"/>
      </w:pPr>
    </w:p>
    <w:p w14:paraId="3D100D84" w14:textId="4539306F" w:rsidR="00A77017" w:rsidRDefault="003449D4" w:rsidP="007B2721">
      <w:pPr>
        <w:pStyle w:val="Heading2"/>
        <w:jc w:val="both"/>
      </w:pPr>
      <w:bookmarkStart w:id="342" w:name="_Toc48050782"/>
      <w:bookmarkStart w:id="343" w:name="_Toc49252588"/>
      <w:bookmarkStart w:id="344" w:name="_Toc49267860"/>
      <w:bookmarkStart w:id="345" w:name="_Toc49267954"/>
      <w:bookmarkStart w:id="346" w:name="_Toc49356665"/>
      <w:bookmarkStart w:id="347" w:name="_Ref47620584"/>
      <w:bookmarkEnd w:id="342"/>
      <w:bookmarkEnd w:id="343"/>
      <w:bookmarkEnd w:id="344"/>
      <w:bookmarkEnd w:id="345"/>
      <w:r>
        <w:t>Project i</w:t>
      </w:r>
      <w:r w:rsidR="00CD0C25">
        <w:t>nformation requirements</w:t>
      </w:r>
      <w:bookmarkEnd w:id="346"/>
      <w:r w:rsidR="00F5364F">
        <w:t xml:space="preserve"> </w:t>
      </w:r>
      <w:bookmarkEnd w:id="347"/>
    </w:p>
    <w:p w14:paraId="15C0744E" w14:textId="60239E43" w:rsidR="00AC546E" w:rsidRDefault="00AF5A48" w:rsidP="007B2721">
      <w:pPr>
        <w:jc w:val="both"/>
        <w:sectPr w:rsidR="00AC546E" w:rsidSect="00DD256D">
          <w:headerReference w:type="default" r:id="rId19"/>
          <w:footerReference w:type="default" r:id="rId20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1"/>
          <w:cols w:space="708"/>
          <w:docGrid w:linePitch="360"/>
        </w:sectPr>
      </w:pPr>
      <w:r>
        <w:t>&lt;</w:t>
      </w:r>
      <w:r w:rsidR="006121A3">
        <w:t xml:space="preserve">Outline the project information requirements, </w:t>
      </w:r>
      <w:r w:rsidR="009F15EB">
        <w:t xml:space="preserve">which </w:t>
      </w:r>
      <w:r>
        <w:t>should</w:t>
      </w:r>
      <w:r w:rsidR="006121A3">
        <w:t xml:space="preserve"> be derived by </w:t>
      </w:r>
      <w:r>
        <w:t>the organi</w:t>
      </w:r>
      <w:r w:rsidR="009F15EB">
        <w:t>s</w:t>
      </w:r>
      <w:r>
        <w:t xml:space="preserve">ation’s </w:t>
      </w:r>
      <w:r w:rsidR="006121A3">
        <w:t>strategic objectives.</w:t>
      </w:r>
      <w:r>
        <w:t>&gt;</w:t>
      </w:r>
    </w:p>
    <w:bookmarkStart w:id="348" w:name="_Ref47602377"/>
    <w:p w14:paraId="0F01D06E" w14:textId="297BCA6A" w:rsidR="00222C71" w:rsidRDefault="000B1F4A" w:rsidP="00EB2911">
      <w:pPr>
        <w:pStyle w:val="Caption"/>
      </w:pPr>
      <w:r>
        <w:lastRenderedPageBreak/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349" w:name="_Toc49524497"/>
      <w:r>
        <w:t>Table</w:t>
      </w:r>
      <w:r>
        <w:fldChar w:fldCharType="end"/>
      </w:r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 w:rsidR="00220D0C">
        <w:rPr>
          <w:noProof/>
        </w:rPr>
        <w:t>3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1</w:t>
      </w:r>
      <w:r>
        <w:fldChar w:fldCharType="end"/>
      </w:r>
      <w:bookmarkEnd w:id="348"/>
      <w:r>
        <w:t xml:space="preserve">: </w:t>
      </w:r>
      <w:r w:rsidR="00134103">
        <w:t>Information delivery milestones and requirements</w:t>
      </w:r>
      <w:bookmarkEnd w:id="349"/>
    </w:p>
    <w:tbl>
      <w:tblPr>
        <w:tblStyle w:val="ToolkitTable"/>
        <w:tblW w:w="0" w:type="auto"/>
        <w:tblBorders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558"/>
        <w:gridCol w:w="1092"/>
        <w:gridCol w:w="1849"/>
        <w:gridCol w:w="3057"/>
        <w:gridCol w:w="4493"/>
        <w:gridCol w:w="3969"/>
        <w:gridCol w:w="4908"/>
      </w:tblGrid>
      <w:tr w:rsidR="00966E46" w:rsidRPr="004C1889" w14:paraId="598CDBAB" w14:textId="77777777" w:rsidTr="001D67B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142"/>
        </w:trPr>
        <w:tc>
          <w:tcPr>
            <w:tcW w:w="0" w:type="auto"/>
            <w:tcBorders>
              <w:right w:val="single" w:sz="4" w:space="0" w:color="auto"/>
            </w:tcBorders>
            <w:shd w:val="clear" w:color="auto" w:fill="auto"/>
            <w:vAlign w:val="center"/>
          </w:tcPr>
          <w:p w14:paraId="5FBC0F82" w14:textId="77777777" w:rsidR="00966E46" w:rsidRPr="007B2721" w:rsidRDefault="00966E46" w:rsidP="001D67B2">
            <w:pPr>
              <w:pStyle w:val="NoSpacing"/>
              <w:rPr>
                <w:rFonts w:cstheme="minorHAnsi"/>
                <w:b/>
                <w:sz w:val="18"/>
                <w:szCs w:val="18"/>
              </w:rPr>
            </w:pPr>
            <w:bookmarkStart w:id="350" w:name="_Hlk48214911"/>
            <w:r w:rsidRPr="007B2721">
              <w:rPr>
                <w:rFonts w:cstheme="minorHAnsi"/>
                <w:b/>
                <w:sz w:val="18"/>
                <w:szCs w:val="18"/>
              </w:rPr>
              <w:t>Work stage</w:t>
            </w:r>
          </w:p>
        </w:tc>
        <w:tc>
          <w:tcPr>
            <w:tcW w:w="774" w:type="dxa"/>
            <w:tcBorders>
              <w:left w:val="single" w:sz="4" w:space="0" w:color="auto"/>
              <w:right w:val="single" w:sz="4" w:space="0" w:color="auto"/>
            </w:tcBorders>
            <w:textDirection w:val="btLr"/>
            <w:vAlign w:val="center"/>
          </w:tcPr>
          <w:p w14:paraId="4CABD541" w14:textId="77777777" w:rsidR="00966E46" w:rsidRPr="007B2721" w:rsidRDefault="00966E46" w:rsidP="001D67B2">
            <w:pPr>
              <w:pStyle w:val="NoSpacing"/>
              <w:ind w:left="113" w:right="113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>Milestone</w:t>
            </w:r>
          </w:p>
        </w:tc>
        <w:tc>
          <w:tcPr>
            <w:tcW w:w="1849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7720EF15" w14:textId="622A3FC2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>Work</w:t>
            </w:r>
            <w:r w:rsidR="009F15EB" w:rsidRPr="007B2721">
              <w:rPr>
                <w:rFonts w:cstheme="minorHAnsi"/>
                <w:b/>
                <w:sz w:val="18"/>
                <w:szCs w:val="18"/>
              </w:rPr>
              <w:t xml:space="preserve"> </w:t>
            </w:r>
            <w:r w:rsidRPr="007B2721">
              <w:rPr>
                <w:rFonts w:cstheme="minorHAnsi"/>
                <w:b/>
                <w:sz w:val="18"/>
                <w:szCs w:val="18"/>
              </w:rPr>
              <w:t>package/activity</w:t>
            </w:r>
          </w:p>
        </w:tc>
        <w:tc>
          <w:tcPr>
            <w:tcW w:w="0" w:type="auto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4580FBFA" w14:textId="77777777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>Policy or external influencer</w:t>
            </w:r>
          </w:p>
        </w:tc>
        <w:tc>
          <w:tcPr>
            <w:tcW w:w="4493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004F8FB3" w14:textId="09DCE2BA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 xml:space="preserve">Information </w:t>
            </w:r>
            <w:r w:rsidR="009F15EB" w:rsidRPr="007B2721">
              <w:rPr>
                <w:rFonts w:cstheme="minorHAnsi"/>
                <w:b/>
                <w:sz w:val="18"/>
                <w:szCs w:val="18"/>
              </w:rPr>
              <w:t>r</w:t>
            </w:r>
            <w:r w:rsidRPr="007B2721">
              <w:rPr>
                <w:rFonts w:cstheme="minorHAnsi"/>
                <w:b/>
                <w:sz w:val="18"/>
                <w:szCs w:val="18"/>
              </w:rPr>
              <w:t>equirement</w:t>
            </w:r>
          </w:p>
        </w:tc>
        <w:tc>
          <w:tcPr>
            <w:tcW w:w="3969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07486C65" w14:textId="79F2A699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 xml:space="preserve">Information </w:t>
            </w:r>
            <w:r w:rsidR="009F15EB" w:rsidRPr="007B2721">
              <w:rPr>
                <w:rFonts w:cstheme="minorHAnsi"/>
                <w:b/>
                <w:sz w:val="18"/>
                <w:szCs w:val="18"/>
              </w:rPr>
              <w:t>c</w:t>
            </w:r>
            <w:r w:rsidRPr="007B2721">
              <w:rPr>
                <w:rFonts w:cstheme="minorHAnsi"/>
                <w:b/>
                <w:sz w:val="18"/>
                <w:szCs w:val="18"/>
              </w:rPr>
              <w:t>ontainer</w:t>
            </w:r>
          </w:p>
        </w:tc>
        <w:tc>
          <w:tcPr>
            <w:tcW w:w="4908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0073122C" w14:textId="77777777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>Acceptance criteria</w:t>
            </w:r>
          </w:p>
        </w:tc>
      </w:tr>
      <w:tr w:rsidR="00966E46" w:rsidRPr="004C1889" w14:paraId="004D8A67" w14:textId="77777777" w:rsidTr="001D67B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28"/>
        </w:trPr>
        <w:tc>
          <w:tcPr>
            <w:tcW w:w="0" w:type="auto"/>
            <w:vMerge w:val="restart"/>
            <w:shd w:val="clear" w:color="auto" w:fill="auto"/>
            <w:vAlign w:val="center"/>
          </w:tcPr>
          <w:p w14:paraId="0BD41AD3" w14:textId="6CEE4227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work stage&gt;</w:t>
            </w:r>
          </w:p>
        </w:tc>
        <w:tc>
          <w:tcPr>
            <w:tcW w:w="774" w:type="dxa"/>
            <w:vAlign w:val="center"/>
          </w:tcPr>
          <w:p w14:paraId="6315D7AF" w14:textId="0B6CB4B4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Cs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milestone&gt;</w:t>
            </w:r>
          </w:p>
        </w:tc>
        <w:tc>
          <w:tcPr>
            <w:tcW w:w="1849" w:type="dxa"/>
            <w:vAlign w:val="center"/>
          </w:tcPr>
          <w:p w14:paraId="580035E8" w14:textId="645D0B78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work package/activity&gt;</w:t>
            </w:r>
          </w:p>
        </w:tc>
        <w:tc>
          <w:tcPr>
            <w:tcW w:w="0" w:type="auto"/>
            <w:vAlign w:val="center"/>
          </w:tcPr>
          <w:p w14:paraId="359E47F3" w14:textId="608DEFA1" w:rsidR="00966E46" w:rsidRPr="007B2721" w:rsidRDefault="00966E46" w:rsidP="00966E46">
            <w:pPr>
              <w:pStyle w:val="ListParagraph"/>
              <w:numPr>
                <w:ilvl w:val="0"/>
                <w:numId w:val="52"/>
              </w:numPr>
              <w:spacing w:before="0"/>
              <w:ind w:right="108"/>
              <w:rPr>
                <w:rFonts w:cs="Arial"/>
                <w:color w:val="000000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policy or external influence&gt;</w:t>
            </w:r>
          </w:p>
        </w:tc>
        <w:tc>
          <w:tcPr>
            <w:tcW w:w="4493" w:type="dxa"/>
            <w:vAlign w:val="center"/>
          </w:tcPr>
          <w:p w14:paraId="6A7528DE" w14:textId="402EE90D" w:rsidR="00966E46" w:rsidRPr="007B2721" w:rsidRDefault="00966E46" w:rsidP="00EB2911">
            <w:pPr>
              <w:pStyle w:val="ListParagraph"/>
              <w:numPr>
                <w:ilvl w:val="0"/>
                <w:numId w:val="47"/>
              </w:numPr>
              <w:spacing w:before="0"/>
              <w:ind w:right="108"/>
              <w:rPr>
                <w:rFonts w:eastAsia="Times New Roman" w:cs="Arial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requirement&gt;</w:t>
            </w:r>
          </w:p>
        </w:tc>
        <w:tc>
          <w:tcPr>
            <w:tcW w:w="3969" w:type="dxa"/>
            <w:vAlign w:val="center"/>
          </w:tcPr>
          <w:p w14:paraId="2BADCDFA" w14:textId="62AF7156" w:rsidR="00966E46" w:rsidRPr="007B2721" w:rsidRDefault="00966E46" w:rsidP="00EB2911">
            <w:pPr>
              <w:pStyle w:val="ListParagraph"/>
              <w:numPr>
                <w:ilvl w:val="0"/>
                <w:numId w:val="47"/>
              </w:numPr>
              <w:spacing w:before="0"/>
              <w:ind w:right="108"/>
              <w:rPr>
                <w:rFonts w:eastAsia="Times New Roman" w:cs="Arial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container&gt;</w:t>
            </w:r>
          </w:p>
        </w:tc>
        <w:tc>
          <w:tcPr>
            <w:tcW w:w="4908" w:type="dxa"/>
            <w:vAlign w:val="center"/>
          </w:tcPr>
          <w:p w14:paraId="45C3B6ED" w14:textId="7F9BD35E" w:rsidR="00966E46" w:rsidRPr="007B2721" w:rsidRDefault="00966E46" w:rsidP="001D67B2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acceptance criteria&gt;</w:t>
            </w:r>
          </w:p>
        </w:tc>
      </w:tr>
      <w:tr w:rsidR="00966E46" w:rsidRPr="004C1889" w14:paraId="4778B821" w14:textId="77777777" w:rsidTr="001D67B2">
        <w:trPr>
          <w:trHeight w:val="751"/>
        </w:trPr>
        <w:tc>
          <w:tcPr>
            <w:tcW w:w="0" w:type="auto"/>
            <w:vMerge/>
            <w:shd w:val="clear" w:color="auto" w:fill="auto"/>
            <w:vAlign w:val="center"/>
          </w:tcPr>
          <w:p w14:paraId="39C33EE6" w14:textId="77777777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774" w:type="dxa"/>
            <w:vAlign w:val="center"/>
          </w:tcPr>
          <w:p w14:paraId="1250E137" w14:textId="57D2120E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Cs/>
                <w:sz w:val="18"/>
                <w:szCs w:val="18"/>
              </w:rPr>
            </w:pPr>
          </w:p>
        </w:tc>
        <w:tc>
          <w:tcPr>
            <w:tcW w:w="1849" w:type="dxa"/>
            <w:vAlign w:val="center"/>
          </w:tcPr>
          <w:p w14:paraId="43DCACCF" w14:textId="53375B13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03DE5306" w14:textId="77777777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</w:p>
        </w:tc>
        <w:tc>
          <w:tcPr>
            <w:tcW w:w="4493" w:type="dxa"/>
            <w:vAlign w:val="center"/>
          </w:tcPr>
          <w:p w14:paraId="40FD4D1A" w14:textId="0177E8EB" w:rsidR="00966E46" w:rsidRPr="007B2721" w:rsidRDefault="00966E46" w:rsidP="001D67B2">
            <w:pPr>
              <w:pStyle w:val="NoSpacing"/>
              <w:ind w:left="109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3969" w:type="dxa"/>
            <w:vAlign w:val="center"/>
          </w:tcPr>
          <w:p w14:paraId="5083BA62" w14:textId="7BB457D7" w:rsidR="00966E46" w:rsidRPr="007B2721" w:rsidRDefault="00966E46" w:rsidP="001D67B2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4908" w:type="dxa"/>
            <w:vAlign w:val="center"/>
          </w:tcPr>
          <w:p w14:paraId="68921691" w14:textId="77777777" w:rsidR="00966E46" w:rsidRPr="007B2721" w:rsidRDefault="00966E46" w:rsidP="001D67B2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</w:p>
        </w:tc>
      </w:tr>
      <w:tr w:rsidR="00966E46" w:rsidRPr="004C1889" w14:paraId="053994C0" w14:textId="77777777" w:rsidTr="001D67B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51"/>
        </w:trPr>
        <w:tc>
          <w:tcPr>
            <w:tcW w:w="0" w:type="auto"/>
            <w:vMerge/>
            <w:shd w:val="clear" w:color="auto" w:fill="auto"/>
            <w:vAlign w:val="center"/>
          </w:tcPr>
          <w:p w14:paraId="7D3CA2B3" w14:textId="77777777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774" w:type="dxa"/>
            <w:vAlign w:val="center"/>
          </w:tcPr>
          <w:p w14:paraId="1A3AAFA1" w14:textId="310B9248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Cs/>
                <w:sz w:val="18"/>
                <w:szCs w:val="18"/>
              </w:rPr>
            </w:pPr>
          </w:p>
        </w:tc>
        <w:tc>
          <w:tcPr>
            <w:tcW w:w="1849" w:type="dxa"/>
            <w:vAlign w:val="center"/>
          </w:tcPr>
          <w:p w14:paraId="58707E0A" w14:textId="0DADBB00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6EA03B91" w14:textId="77777777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</w:p>
        </w:tc>
        <w:tc>
          <w:tcPr>
            <w:tcW w:w="4493" w:type="dxa"/>
            <w:vAlign w:val="center"/>
          </w:tcPr>
          <w:p w14:paraId="141A2622" w14:textId="5B689B67" w:rsidR="00966E46" w:rsidRPr="007B2721" w:rsidRDefault="00966E46" w:rsidP="001D67B2">
            <w:pPr>
              <w:pStyle w:val="NoSpacing"/>
              <w:ind w:left="109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3969" w:type="dxa"/>
            <w:vAlign w:val="center"/>
          </w:tcPr>
          <w:p w14:paraId="4A35B4F3" w14:textId="77777777" w:rsidR="00966E46" w:rsidRPr="007B2721" w:rsidRDefault="00966E46" w:rsidP="001D67B2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4908" w:type="dxa"/>
            <w:vAlign w:val="center"/>
          </w:tcPr>
          <w:p w14:paraId="096BBCE0" w14:textId="77777777" w:rsidR="00966E46" w:rsidRPr="007B2721" w:rsidRDefault="00966E46" w:rsidP="001D67B2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</w:p>
        </w:tc>
      </w:tr>
      <w:tr w:rsidR="00966E46" w:rsidRPr="00782FFD" w14:paraId="7E225AF4" w14:textId="77777777" w:rsidTr="001D67B2">
        <w:trPr>
          <w:trHeight w:val="751"/>
        </w:trPr>
        <w:tc>
          <w:tcPr>
            <w:tcW w:w="0" w:type="auto"/>
            <w:shd w:val="clear" w:color="auto" w:fill="auto"/>
            <w:vAlign w:val="center"/>
          </w:tcPr>
          <w:p w14:paraId="0D0C4625" w14:textId="044C1E05" w:rsidR="00966E46" w:rsidRPr="00782FFD" w:rsidRDefault="00966E46" w:rsidP="001D67B2">
            <w:pPr>
              <w:pStyle w:val="NoSpacing"/>
              <w:jc w:val="center"/>
              <w:rPr>
                <w:rFonts w:cstheme="minorHAnsi"/>
                <w:bCs/>
              </w:rPr>
            </w:pPr>
          </w:p>
        </w:tc>
        <w:tc>
          <w:tcPr>
            <w:tcW w:w="774" w:type="dxa"/>
            <w:vAlign w:val="center"/>
          </w:tcPr>
          <w:p w14:paraId="2AEBBC5B" w14:textId="23F79CEA" w:rsidR="00966E46" w:rsidRPr="00782FFD" w:rsidRDefault="00966E46" w:rsidP="001D67B2">
            <w:pPr>
              <w:pStyle w:val="NoSpacing"/>
              <w:jc w:val="center"/>
              <w:rPr>
                <w:rFonts w:eastAsia="Times New Roman" w:cs="Arial"/>
              </w:rPr>
            </w:pPr>
          </w:p>
        </w:tc>
        <w:tc>
          <w:tcPr>
            <w:tcW w:w="1849" w:type="dxa"/>
            <w:vAlign w:val="center"/>
          </w:tcPr>
          <w:p w14:paraId="30A5AA67" w14:textId="77777777" w:rsidR="00966E46" w:rsidRPr="00782FFD" w:rsidRDefault="00966E46" w:rsidP="001D67B2">
            <w:pPr>
              <w:pStyle w:val="NoSpacing"/>
              <w:rPr>
                <w:rFonts w:cstheme="minorHAnsi"/>
              </w:rPr>
            </w:pPr>
          </w:p>
        </w:tc>
        <w:tc>
          <w:tcPr>
            <w:tcW w:w="0" w:type="auto"/>
            <w:vAlign w:val="center"/>
          </w:tcPr>
          <w:p w14:paraId="5E8705DC" w14:textId="77777777" w:rsidR="00966E46" w:rsidRPr="00782FFD" w:rsidRDefault="00966E46" w:rsidP="001D67B2">
            <w:pPr>
              <w:pStyle w:val="NoSpacing"/>
              <w:rPr>
                <w:rFonts w:cstheme="minorHAnsi"/>
              </w:rPr>
            </w:pPr>
          </w:p>
        </w:tc>
        <w:tc>
          <w:tcPr>
            <w:tcW w:w="4493" w:type="dxa"/>
            <w:vAlign w:val="center"/>
          </w:tcPr>
          <w:p w14:paraId="7CF8BDF5" w14:textId="77777777" w:rsidR="00966E46" w:rsidRPr="00782FFD" w:rsidRDefault="00966E46" w:rsidP="001D67B2">
            <w:pPr>
              <w:pStyle w:val="NoSpacing"/>
              <w:rPr>
                <w:rFonts w:cstheme="minorHAnsi"/>
              </w:rPr>
            </w:pPr>
          </w:p>
        </w:tc>
        <w:tc>
          <w:tcPr>
            <w:tcW w:w="3969" w:type="dxa"/>
            <w:vAlign w:val="center"/>
          </w:tcPr>
          <w:p w14:paraId="6D9C5590" w14:textId="77777777" w:rsidR="00966E46" w:rsidRPr="00782FFD" w:rsidRDefault="00966E46" w:rsidP="001D67B2">
            <w:pPr>
              <w:pStyle w:val="NoSpacing"/>
              <w:rPr>
                <w:rFonts w:cstheme="minorHAnsi"/>
              </w:rPr>
            </w:pPr>
          </w:p>
        </w:tc>
        <w:tc>
          <w:tcPr>
            <w:tcW w:w="4908" w:type="dxa"/>
            <w:vAlign w:val="center"/>
          </w:tcPr>
          <w:p w14:paraId="218B755E" w14:textId="77777777" w:rsidR="00966E46" w:rsidRPr="00782FFD" w:rsidRDefault="00966E46" w:rsidP="001D67B2">
            <w:pPr>
              <w:pStyle w:val="NoSpacing"/>
              <w:rPr>
                <w:rFonts w:eastAsia="Times New Roman" w:cs="Arial"/>
                <w:color w:val="216B99" w:themeColor="accent4"/>
              </w:rPr>
            </w:pPr>
          </w:p>
        </w:tc>
      </w:tr>
      <w:bookmarkEnd w:id="350"/>
    </w:tbl>
    <w:p w14:paraId="423FD0ED" w14:textId="77777777" w:rsidR="00966E46" w:rsidRDefault="00966E46" w:rsidP="00890B47"/>
    <w:p w14:paraId="07228903" w14:textId="52EEF6A7" w:rsidR="00222C71" w:rsidRDefault="00222C71" w:rsidP="00890B47"/>
    <w:sectPr w:rsidR="00222C71" w:rsidSect="00363795">
      <w:endnotePr>
        <w:numFmt w:val="decimal"/>
      </w:endnotePr>
      <w:pgSz w:w="23811" w:h="16838" w:orient="landscape" w:code="8"/>
      <w:pgMar w:top="1440" w:right="1440" w:bottom="1440" w:left="1440" w:header="567" w:footer="567" w:gutter="0"/>
      <w:pgNumType w:start="5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CC19485" w14:textId="77777777" w:rsidR="00BC1826" w:rsidRPr="001E477B" w:rsidRDefault="00BC1826" w:rsidP="00B016B1">
      <w:pPr>
        <w:pStyle w:val="Footer"/>
      </w:pPr>
    </w:p>
  </w:endnote>
  <w:endnote w:type="continuationSeparator" w:id="0">
    <w:p w14:paraId="272D19EE" w14:textId="77777777" w:rsidR="00BC1826" w:rsidRPr="001E477B" w:rsidRDefault="00BC1826" w:rsidP="00B016B1">
      <w:pPr>
        <w:pStyle w:val="Footer"/>
      </w:pPr>
    </w:p>
  </w:endnote>
  <w:endnote w:type="continuationNotice" w:id="1">
    <w:p w14:paraId="6198CE63" w14:textId="77777777" w:rsidR="00BC1826" w:rsidRPr="001E477B" w:rsidRDefault="00BC1826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4CC089" w14:textId="5DC90171" w:rsidR="001D67B2" w:rsidRPr="00A65A81" w:rsidRDefault="00823DA4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0294" behindDoc="0" locked="0" layoutInCell="1" allowOverlap="1" wp14:anchorId="03A4F13B" wp14:editId="76BB0496">
              <wp:simplePos x="0" y="0"/>
              <wp:positionH relativeFrom="page">
                <wp:posOffset>13418</wp:posOffset>
              </wp:positionH>
              <wp:positionV relativeFrom="paragraph">
                <wp:posOffset>-961390</wp:posOffset>
              </wp:positionV>
              <wp:extent cx="7762875" cy="1323975"/>
              <wp:effectExtent l="0" t="0" r="9525" b="9525"/>
              <wp:wrapNone/>
              <wp:docPr id="5" name="Group 5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2875" cy="132397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9" name="Picture 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0" name="Rectangle 10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4ABCF164" id="Group 5" o:spid="_x0000_s1026" style="position:absolute;margin-left:1.05pt;margin-top:-75.7pt;width:611.25pt;height:104.25pt;z-index:251660294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">
                <v:imagedata r:id="rId2" o:title=""/>
              </v:shape>
              <v:rect id="Rectangle 10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1E832821" w14:textId="52BAA7ED" w:rsidR="001D67B2" w:rsidRPr="00A65A81" w:rsidRDefault="001D67B2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87635" w14:textId="77777777" w:rsidR="001D67B2" w:rsidRPr="004567BB" w:rsidRDefault="001D67B2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4B24B3" w14:textId="77777777" w:rsidR="001D67B2" w:rsidRPr="004567BB" w:rsidRDefault="001D67B2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378D3E" w14:textId="77777777" w:rsidR="001D67B2" w:rsidRPr="004567BB" w:rsidRDefault="001D67B2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E03AA20" w14:textId="77777777" w:rsidR="00BC1826" w:rsidRPr="001E477B" w:rsidRDefault="00BC1826" w:rsidP="00DE4EF8">
      <w:pPr>
        <w:spacing w:before="0" w:after="0" w:line="240" w:lineRule="auto"/>
      </w:pPr>
      <w:r w:rsidRPr="001E477B">
        <w:separator/>
      </w:r>
    </w:p>
  </w:footnote>
  <w:footnote w:type="continuationSeparator" w:id="0">
    <w:p w14:paraId="26A51D3A" w14:textId="77777777" w:rsidR="00BC1826" w:rsidRPr="001E477B" w:rsidRDefault="00BC1826" w:rsidP="00DE4EF8">
      <w:pPr>
        <w:spacing w:before="0" w:after="0" w:line="240" w:lineRule="auto"/>
      </w:pPr>
      <w:r w:rsidRPr="001E477B">
        <w:continuationSeparator/>
      </w:r>
    </w:p>
  </w:footnote>
  <w:footnote w:type="continuationNotice" w:id="1">
    <w:p w14:paraId="05664500" w14:textId="77777777" w:rsidR="00BC1826" w:rsidRPr="001E477B" w:rsidRDefault="00BC1826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4F8F32" w14:textId="592687BA" w:rsidR="00823DA4" w:rsidRDefault="00AC2D95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2342" behindDoc="0" locked="0" layoutInCell="1" allowOverlap="1" wp14:anchorId="3631DFFC" wp14:editId="32978035">
              <wp:simplePos x="0" y="0"/>
              <wp:positionH relativeFrom="margin">
                <wp:posOffset>-696595</wp:posOffset>
              </wp:positionH>
              <wp:positionV relativeFrom="paragraph">
                <wp:posOffset>-512103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1CE2508D" id="Group 1" o:spid="_x0000_s1026" style="position:absolute;margin-left:-54.85pt;margin-top:-40.3pt;width:220.9pt;height:126.3pt;z-index:251662342;mso-position-horizontal-relative:margin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  <w10:wrap anchorx="margin"/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1D67B2" w:rsidRPr="004567BB" w14:paraId="1E64D784" w14:textId="77777777" w:rsidTr="005E1666">
      <w:trPr>
        <w:trHeight w:val="141"/>
      </w:trPr>
      <w:tc>
        <w:tcPr>
          <w:tcW w:w="9639" w:type="dxa"/>
        </w:tcPr>
        <w:p w14:paraId="4C095DEB" w14:textId="5B83D5B7" w:rsidR="001D67B2" w:rsidRPr="00A65A81" w:rsidRDefault="00B9660C" w:rsidP="00BF455A">
          <w:pPr>
            <w:pStyle w:val="Header"/>
          </w:pPr>
          <w:sdt>
            <w:sdtPr>
              <w:alias w:val="LogoType"/>
              <w:tag w:val="{&quot;templafy&quot;:{&quot;id&quot;:&quot;1715ec9b-168d-4cc5-8137-cc7150a93ec6&quot;}}"/>
              <w:id w:val="-1464422659"/>
              <w:placeholder>
                <w:docPart w:val="77BC2D728266410B84DDE76434D0ADAE"/>
              </w:placeholder>
            </w:sdtPr>
            <w:sdtEndPr/>
            <w:sdtContent>
              <w:r w:rsidR="001144AC">
                <w:t>BIM Toolkit</w:t>
              </w:r>
            </w:sdtContent>
          </w:sdt>
          <w:r w:rsidR="001D67B2" w:rsidRPr="00A65A81">
            <w:t xml:space="preserve"> | </w:t>
          </w:r>
          <w:sdt>
            <w:sdtPr>
              <w:rPr>
                <w:vanish/>
              </w:rPr>
              <w:tag w:val="{&quot;templafy&quot;:{&quot;id&quot;:&quot;e3815f05-29ac-4d8f-bb8b-fcd263e3ace0&quot;}}"/>
              <w:id w:val="-729696296"/>
              <w:placeholder>
                <w:docPart w:val="77BC2D728266410B84DDE76434D0ADA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fb29b82-11da-47f2-8ac2-b79c1bceaeca&quot;}}"/>
                  <w:id w:val="-193310973"/>
                  <w:placeholder>
                    <w:docPart w:val="77BC2D728266410B84DDE76434D0ADA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1D67B2" w:rsidRPr="00A65A81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1D67B2" w:rsidRPr="00A65A81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bc001ee-7b1b-45f6-ab14-d197a7f29646&quot;}}"/>
              <w:id w:val="1110621418"/>
              <w:placeholder>
                <w:docPart w:val="E730BDFB73B04000827BBB75167E6A10"/>
              </w:placeholder>
            </w:sdtPr>
            <w:sdtEndPr/>
            <w:sdtContent>
              <w:r w:rsidR="001D67B2" w:rsidRPr="00A65A81">
                <w:t>Project Information Requirements (PIR)</w:t>
              </w:r>
            </w:sdtContent>
          </w:sdt>
        </w:p>
      </w:tc>
    </w:tr>
    <w:tr w:rsidR="001D67B2" w:rsidRPr="004567BB" w14:paraId="0280DB36" w14:textId="77777777" w:rsidTr="005E1666">
      <w:trPr>
        <w:trHeight w:val="141"/>
      </w:trPr>
      <w:tc>
        <w:tcPr>
          <w:tcW w:w="9639" w:type="dxa"/>
        </w:tcPr>
        <w:p w14:paraId="1DAC9FF2" w14:textId="6A897827" w:rsidR="001D67B2" w:rsidRPr="00A65A81" w:rsidRDefault="00B9660C" w:rsidP="00BF455A">
          <w:pPr>
            <w:pStyle w:val="Header"/>
          </w:pPr>
          <w:sdt>
            <w:sdtPr>
              <w:alias w:val="Document Subtitle"/>
              <w:tag w:val="{&quot;templafy&quot;:{&quot;id&quot;:&quot;cdbafe41-9ac4-4f7f-a291-f012ad85b041&quot;}}"/>
              <w:id w:val="1923443775"/>
              <w:placeholder>
                <w:docPart w:val="E6D736C562E8431595D6EBA31F3F5A8A"/>
              </w:placeholder>
            </w:sdtPr>
            <w:sdtEndPr/>
            <w:sdtContent>
              <w:r w:rsidR="001D67B2" w:rsidRPr="00A65A81">
                <w:t>Template</w:t>
              </w:r>
            </w:sdtContent>
          </w:sdt>
        </w:p>
      </w:tc>
    </w:tr>
  </w:tbl>
  <w:p w14:paraId="2466675B" w14:textId="4520D373" w:rsidR="001D67B2" w:rsidRPr="004567BB" w:rsidRDefault="001D67B2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E2FF27" w14:textId="77777777" w:rsidR="001D67B2" w:rsidRPr="004567BB" w:rsidRDefault="001D67B2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0931"/>
    </w:tblGrid>
    <w:tr w:rsidR="001D67B2" w:rsidRPr="004567BB" w14:paraId="4B1E0534" w14:textId="77777777" w:rsidTr="000E0BD7">
      <w:tc>
        <w:tcPr>
          <w:tcW w:w="9027" w:type="dxa"/>
        </w:tcPr>
        <w:p w14:paraId="28F49C54" w14:textId="5F5ECA04" w:rsidR="001D67B2" w:rsidRPr="00A65A81" w:rsidRDefault="00B9660C" w:rsidP="00C9536B">
          <w:pPr>
            <w:pStyle w:val="Header"/>
          </w:pPr>
          <w:sdt>
            <w:sdtPr>
              <w:alias w:val="LogoType"/>
              <w:tag w:val="{&quot;templafy&quot;:{&quot;id&quot;:&quot;7aea085f-ef82-42b0-acfe-985618b4a7ce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F57CDC">
                <w:t>BIM Toolkit</w:t>
              </w:r>
            </w:sdtContent>
          </w:sdt>
          <w:r w:rsidR="001D67B2" w:rsidRPr="00A65A81">
            <w:t xml:space="preserve"> | </w:t>
          </w:r>
          <w:sdt>
            <w:sdtPr>
              <w:rPr>
                <w:vanish/>
              </w:rPr>
              <w:tag w:val="{&quot;templafy&quot;:{&quot;id&quot;:&quot;0c145859-b848-4ac5-8b41-cd1648463505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60c266c-edde-4a37-8d77-d50a1751fced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1D67B2" w:rsidRPr="00A65A81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1D67B2" w:rsidRPr="00A65A81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6e8b6543-2c2a-4654-922f-4176a6cec41f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1D67B2" w:rsidRPr="00A65A81">
                <w:t>Project Information Requirements (PIR)</w:t>
              </w:r>
            </w:sdtContent>
          </w:sdt>
        </w:p>
      </w:tc>
    </w:tr>
    <w:tr w:rsidR="001D67B2" w:rsidRPr="004567BB" w14:paraId="5F4F2F1B" w14:textId="77777777" w:rsidTr="000E0BD7">
      <w:tc>
        <w:tcPr>
          <w:tcW w:w="9027" w:type="dxa"/>
        </w:tcPr>
        <w:p w14:paraId="59BA68B1" w14:textId="0F53F04B" w:rsidR="001D67B2" w:rsidRPr="00A65A81" w:rsidRDefault="00B9660C" w:rsidP="00147611">
          <w:pPr>
            <w:pStyle w:val="Header"/>
            <w:rPr>
              <w:rStyle w:val="Pagenumber"/>
              <w:b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70cef2-9eba-44ef-94f7-bd5420c482cc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szCs w:val="14"/>
              </w:rPr>
            </w:sdtEndPr>
            <w:sdtContent>
              <w:r w:rsidR="001D67B2" w:rsidRPr="00EB2911">
                <w:t>Template</w:t>
              </w:r>
            </w:sdtContent>
          </w:sdt>
        </w:p>
      </w:tc>
    </w:tr>
  </w:tbl>
  <w:p w14:paraId="7BCF12B8" w14:textId="057A31D7" w:rsidR="001D67B2" w:rsidRPr="00A65A81" w:rsidRDefault="001D67B2" w:rsidP="00BF455A">
    <w:pPr>
      <w:pStyle w:val="Spacer"/>
    </w:pPr>
    <w:r w:rsidRPr="00A65A81">
      <w:rPr>
        <w:noProof/>
      </w:rPr>
      <mc:AlternateContent>
        <mc:Choice Requires="wps">
          <w:drawing>
            <wp:anchor distT="0" distB="0" distL="114300" distR="114300" simplePos="0" relativeHeight="251658246" behindDoc="0" locked="0" layoutInCell="1" allowOverlap="1" wp14:anchorId="5927C729" wp14:editId="3BD6C1DF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4FA0126" w14:textId="77777777" w:rsidR="001D67B2" w:rsidRPr="001E477B" w:rsidRDefault="001D67B2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1E477B">
                            <w:rPr>
                              <w:rStyle w:val="Pagenumber"/>
                            </w:rPr>
                            <w:fldChar w:fldCharType="begin"/>
                          </w:r>
                          <w:r w:rsidRPr="001E477B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1E477B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1E477B">
                            <w:rPr>
                              <w:rStyle w:val="Pagenumber"/>
                            </w:rPr>
                            <w:t>1</w:t>
                          </w:r>
                          <w:r w:rsidRPr="001E477B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927C729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5824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" filled="f" fillcolor="white [3201]" stroked="f" strokeweight=".5pt">
              <v:textbox inset="0,10mm,20mm,0">
                <w:txbxContent>
                  <w:p w14:paraId="74FA0126" w14:textId="77777777" w:rsidR="001D67B2" w:rsidRPr="001E477B" w:rsidRDefault="001D67B2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1E477B">
                      <w:rPr>
                        <w:rStyle w:val="Pagenumber"/>
                      </w:rPr>
                      <w:fldChar w:fldCharType="begin"/>
                    </w:r>
                    <w:r w:rsidRPr="001E477B">
                      <w:rPr>
                        <w:rStyle w:val="Pagenumber"/>
                      </w:rPr>
                      <w:instrText xml:space="preserve"> PAGE   </w:instrText>
                    </w:r>
                    <w:r w:rsidRPr="001E477B">
                      <w:rPr>
                        <w:rStyle w:val="Pagenumber"/>
                      </w:rPr>
                      <w:fldChar w:fldCharType="separate"/>
                    </w:r>
                    <w:r w:rsidRPr="001E477B">
                      <w:rPr>
                        <w:rStyle w:val="Pagenumber"/>
                      </w:rPr>
                      <w:t>1</w:t>
                    </w:r>
                    <w:r w:rsidRPr="001E477B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hybridMultilevel"/>
    <w:tmpl w:val="C2641700"/>
    <w:lvl w:ilvl="0" w:tplc="FB62700A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  <w:lvl w:ilvl="1" w:tplc="9288D470">
      <w:numFmt w:val="decimal"/>
      <w:lvlText w:val=""/>
      <w:lvlJc w:val="left"/>
    </w:lvl>
    <w:lvl w:ilvl="2" w:tplc="57F01986">
      <w:numFmt w:val="decimal"/>
      <w:lvlText w:val=""/>
      <w:lvlJc w:val="left"/>
    </w:lvl>
    <w:lvl w:ilvl="3" w:tplc="7F6CCB98">
      <w:numFmt w:val="decimal"/>
      <w:lvlText w:val=""/>
      <w:lvlJc w:val="left"/>
    </w:lvl>
    <w:lvl w:ilvl="4" w:tplc="FB20B58A">
      <w:numFmt w:val="decimal"/>
      <w:lvlText w:val=""/>
      <w:lvlJc w:val="left"/>
    </w:lvl>
    <w:lvl w:ilvl="5" w:tplc="F98619A4">
      <w:numFmt w:val="decimal"/>
      <w:lvlText w:val=""/>
      <w:lvlJc w:val="left"/>
    </w:lvl>
    <w:lvl w:ilvl="6" w:tplc="F7D43E40">
      <w:numFmt w:val="decimal"/>
      <w:lvlText w:val=""/>
      <w:lvlJc w:val="left"/>
    </w:lvl>
    <w:lvl w:ilvl="7" w:tplc="7F321364">
      <w:numFmt w:val="decimal"/>
      <w:lvlText w:val=""/>
      <w:lvlJc w:val="left"/>
    </w:lvl>
    <w:lvl w:ilvl="8" w:tplc="3DD6A362">
      <w:numFmt w:val="decimal"/>
      <w:lvlText w:val=""/>
      <w:lvlJc w:val="left"/>
    </w:lvl>
  </w:abstractNum>
  <w:abstractNum w:abstractNumId="2" w15:restartNumberingAfterBreak="0">
    <w:nsid w:val="FFFFFF7E"/>
    <w:multiLevelType w:val="multi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3" w15:restartNumberingAfterBreak="0">
    <w:nsid w:val="FFFFFF7F"/>
    <w:multiLevelType w:val="multi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4" w15:restartNumberingAfterBreak="0">
    <w:nsid w:val="FFFFFF80"/>
    <w:multiLevelType w:val="hybridMultilevel"/>
    <w:tmpl w:val="6AA829C8"/>
    <w:lvl w:ilvl="0" w:tplc="9680451E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  <w:lvl w:ilvl="1" w:tplc="1CAA0140">
      <w:numFmt w:val="decimal"/>
      <w:lvlText w:val=""/>
      <w:lvlJc w:val="left"/>
    </w:lvl>
    <w:lvl w:ilvl="2" w:tplc="2EA0FB8E">
      <w:numFmt w:val="decimal"/>
      <w:lvlText w:val=""/>
      <w:lvlJc w:val="left"/>
    </w:lvl>
    <w:lvl w:ilvl="3" w:tplc="20CEC48A">
      <w:numFmt w:val="decimal"/>
      <w:lvlText w:val=""/>
      <w:lvlJc w:val="left"/>
    </w:lvl>
    <w:lvl w:ilvl="4" w:tplc="804A0368">
      <w:numFmt w:val="decimal"/>
      <w:lvlText w:val=""/>
      <w:lvlJc w:val="left"/>
    </w:lvl>
    <w:lvl w:ilvl="5" w:tplc="1B0889D0">
      <w:numFmt w:val="decimal"/>
      <w:lvlText w:val=""/>
      <w:lvlJc w:val="left"/>
    </w:lvl>
    <w:lvl w:ilvl="6" w:tplc="5A025392">
      <w:numFmt w:val="decimal"/>
      <w:lvlText w:val=""/>
      <w:lvlJc w:val="left"/>
    </w:lvl>
    <w:lvl w:ilvl="7" w:tplc="724EB212">
      <w:numFmt w:val="decimal"/>
      <w:lvlText w:val=""/>
      <w:lvlJc w:val="left"/>
    </w:lvl>
    <w:lvl w:ilvl="8" w:tplc="14BCBD3E">
      <w:numFmt w:val="decimal"/>
      <w:lvlText w:val=""/>
      <w:lvlJc w:val="left"/>
    </w:lvl>
  </w:abstractNum>
  <w:abstractNum w:abstractNumId="5" w15:restartNumberingAfterBreak="0">
    <w:nsid w:val="FFFFFF81"/>
    <w:multiLevelType w:val="hybridMultilevel"/>
    <w:tmpl w:val="BCA6A94A"/>
    <w:lvl w:ilvl="0" w:tplc="843C9934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  <w:lvl w:ilvl="1" w:tplc="E81AD8F6">
      <w:numFmt w:val="decimal"/>
      <w:lvlText w:val=""/>
      <w:lvlJc w:val="left"/>
    </w:lvl>
    <w:lvl w:ilvl="2" w:tplc="128CCB8A">
      <w:numFmt w:val="decimal"/>
      <w:lvlText w:val=""/>
      <w:lvlJc w:val="left"/>
    </w:lvl>
    <w:lvl w:ilvl="3" w:tplc="05840F7C">
      <w:numFmt w:val="decimal"/>
      <w:lvlText w:val=""/>
      <w:lvlJc w:val="left"/>
    </w:lvl>
    <w:lvl w:ilvl="4" w:tplc="7904FE7C">
      <w:numFmt w:val="decimal"/>
      <w:lvlText w:val=""/>
      <w:lvlJc w:val="left"/>
    </w:lvl>
    <w:lvl w:ilvl="5" w:tplc="7C88D9C6">
      <w:numFmt w:val="decimal"/>
      <w:lvlText w:val=""/>
      <w:lvlJc w:val="left"/>
    </w:lvl>
    <w:lvl w:ilvl="6" w:tplc="1D9429AA">
      <w:numFmt w:val="decimal"/>
      <w:lvlText w:val=""/>
      <w:lvlJc w:val="left"/>
    </w:lvl>
    <w:lvl w:ilvl="7" w:tplc="CAFCDE08">
      <w:numFmt w:val="decimal"/>
      <w:lvlText w:val=""/>
      <w:lvlJc w:val="left"/>
    </w:lvl>
    <w:lvl w:ilvl="8" w:tplc="8A74297A">
      <w:numFmt w:val="decimal"/>
      <w:lvlText w:val=""/>
      <w:lvlJc w:val="left"/>
    </w:lvl>
  </w:abstractNum>
  <w:abstractNum w:abstractNumId="6" w15:restartNumberingAfterBreak="0">
    <w:nsid w:val="FFFFFF82"/>
    <w:multiLevelType w:val="hybridMultilevel"/>
    <w:tmpl w:val="C8C0F27A"/>
    <w:lvl w:ilvl="0" w:tplc="3B0C91DE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 w:tplc="9ADEAD8A">
      <w:numFmt w:val="decimal"/>
      <w:lvlText w:val=""/>
      <w:lvlJc w:val="left"/>
    </w:lvl>
    <w:lvl w:ilvl="2" w:tplc="2F7E46C0">
      <w:numFmt w:val="decimal"/>
      <w:lvlText w:val=""/>
      <w:lvlJc w:val="left"/>
    </w:lvl>
    <w:lvl w:ilvl="3" w:tplc="B1220778">
      <w:numFmt w:val="decimal"/>
      <w:lvlText w:val=""/>
      <w:lvlJc w:val="left"/>
    </w:lvl>
    <w:lvl w:ilvl="4" w:tplc="E8EE9C20">
      <w:numFmt w:val="decimal"/>
      <w:lvlText w:val=""/>
      <w:lvlJc w:val="left"/>
    </w:lvl>
    <w:lvl w:ilvl="5" w:tplc="24D8BC92">
      <w:numFmt w:val="decimal"/>
      <w:lvlText w:val=""/>
      <w:lvlJc w:val="left"/>
    </w:lvl>
    <w:lvl w:ilvl="6" w:tplc="E2A8F5AA">
      <w:numFmt w:val="decimal"/>
      <w:lvlText w:val=""/>
      <w:lvlJc w:val="left"/>
    </w:lvl>
    <w:lvl w:ilvl="7" w:tplc="33B8A750">
      <w:numFmt w:val="decimal"/>
      <w:lvlText w:val=""/>
      <w:lvlJc w:val="left"/>
    </w:lvl>
    <w:lvl w:ilvl="8" w:tplc="3C3A0E8E">
      <w:numFmt w:val="decimal"/>
      <w:lvlText w:val=""/>
      <w:lvlJc w:val="left"/>
    </w:lvl>
  </w:abstractNum>
  <w:abstractNum w:abstractNumId="7" w15:restartNumberingAfterBreak="0">
    <w:nsid w:val="FFFFFF83"/>
    <w:multiLevelType w:val="multi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8" w15:restartNumberingAfterBreak="0">
    <w:nsid w:val="FFFFFF88"/>
    <w:multiLevelType w:val="hybridMultilevel"/>
    <w:tmpl w:val="50D685C2"/>
    <w:lvl w:ilvl="0" w:tplc="BD38901A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  <w:lvl w:ilvl="1" w:tplc="CB9CB492">
      <w:numFmt w:val="decimal"/>
      <w:lvlText w:val=""/>
      <w:lvlJc w:val="left"/>
    </w:lvl>
    <w:lvl w:ilvl="2" w:tplc="EF80BF3C">
      <w:numFmt w:val="decimal"/>
      <w:lvlText w:val=""/>
      <w:lvlJc w:val="left"/>
    </w:lvl>
    <w:lvl w:ilvl="3" w:tplc="F3E8A284">
      <w:numFmt w:val="decimal"/>
      <w:lvlText w:val=""/>
      <w:lvlJc w:val="left"/>
    </w:lvl>
    <w:lvl w:ilvl="4" w:tplc="0E067D00">
      <w:numFmt w:val="decimal"/>
      <w:lvlText w:val=""/>
      <w:lvlJc w:val="left"/>
    </w:lvl>
    <w:lvl w:ilvl="5" w:tplc="D91EFE1A">
      <w:numFmt w:val="decimal"/>
      <w:lvlText w:val=""/>
      <w:lvlJc w:val="left"/>
    </w:lvl>
    <w:lvl w:ilvl="6" w:tplc="D55E160A">
      <w:numFmt w:val="decimal"/>
      <w:lvlText w:val=""/>
      <w:lvlJc w:val="left"/>
    </w:lvl>
    <w:lvl w:ilvl="7" w:tplc="F6E08B4C">
      <w:numFmt w:val="decimal"/>
      <w:lvlText w:val=""/>
      <w:lvlJc w:val="left"/>
    </w:lvl>
    <w:lvl w:ilvl="8" w:tplc="51C0C39A">
      <w:numFmt w:val="decimal"/>
      <w:lvlText w:val=""/>
      <w:lvlJc w:val="left"/>
    </w:lvl>
  </w:abstractNum>
  <w:abstractNum w:abstractNumId="9" w15:restartNumberingAfterBreak="0">
    <w:nsid w:val="FFFFFF89"/>
    <w:multiLevelType w:val="multi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10" w15:restartNumberingAfterBreak="0">
    <w:nsid w:val="099F4F17"/>
    <w:multiLevelType w:val="multilevel"/>
    <w:tmpl w:val="253E0D5A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auto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auto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106" w:hanging="1106"/>
      </w:pPr>
      <w:rPr>
        <w:rFonts w:ascii="Arial" w:hAnsi="Arial" w:hint="default"/>
        <w:color w:val="auto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B478FA"/>
    <w:multiLevelType w:val="hybridMultilevel"/>
    <w:tmpl w:val="D8D4C48E"/>
    <w:lvl w:ilvl="0" w:tplc="08090003">
      <w:start w:val="1"/>
      <w:numFmt w:val="bullet"/>
      <w:lvlText w:val="o"/>
      <w:lvlJc w:val="left"/>
      <w:pPr>
        <w:ind w:left="360" w:hanging="360"/>
      </w:pPr>
      <w:rPr>
        <w:rFonts w:ascii="Courier New" w:hAnsi="Courier New" w:cs="Courier New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10D56E7B"/>
    <w:multiLevelType w:val="hybridMultilevel"/>
    <w:tmpl w:val="722EDD8C"/>
    <w:lvl w:ilvl="0" w:tplc="EE8C008A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000000" w:themeColor="text1"/>
        <w:sz w:val="16"/>
      </w:rPr>
    </w:lvl>
    <w:lvl w:ilvl="1" w:tplc="1F0C6DF2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000000" w:themeColor="text1"/>
        <w:sz w:val="16"/>
      </w:rPr>
    </w:lvl>
    <w:lvl w:ilvl="2" w:tplc="7F22AB4C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000000" w:themeColor="text1"/>
        <w:sz w:val="16"/>
      </w:rPr>
    </w:lvl>
    <w:lvl w:ilvl="3" w:tplc="1BF6FE24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 w:tplc="6CDCB65E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 w:tplc="D98A13FE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 w:tplc="71DEF5D0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 w:tplc="B5F8844C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 w:tplc="BB68213E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3EE4975"/>
    <w:multiLevelType w:val="multilevel"/>
    <w:tmpl w:val="09D8079A"/>
    <w:lvl w:ilvl="0">
      <w:start w:val="1"/>
      <w:numFmt w:val="decimal"/>
      <w:lvlText w:val="%1."/>
      <w:lvlJc w:val="left"/>
      <w:pPr>
        <w:ind w:left="720" w:hanging="360"/>
      </w:p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4" w15:restartNumberingAfterBreak="0">
    <w:nsid w:val="1CC16065"/>
    <w:multiLevelType w:val="multilevel"/>
    <w:tmpl w:val="B8BA2DC6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color w:val="000000" w:themeColor="text1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5" w15:restartNumberingAfterBreak="0">
    <w:nsid w:val="1EC1059E"/>
    <w:multiLevelType w:val="hybridMultilevel"/>
    <w:tmpl w:val="F4B2F39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3827B1C"/>
    <w:multiLevelType w:val="hybridMultilevel"/>
    <w:tmpl w:val="62942E4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575440C"/>
    <w:multiLevelType w:val="hybridMultilevel"/>
    <w:tmpl w:val="6B00353C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27355199"/>
    <w:multiLevelType w:val="hybridMultilevel"/>
    <w:tmpl w:val="1F4CEA5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A216962"/>
    <w:multiLevelType w:val="hybridMultilevel"/>
    <w:tmpl w:val="4E24211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2B911AB6"/>
    <w:multiLevelType w:val="multilevel"/>
    <w:tmpl w:val="0809001F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  <w:rPr>
        <w:rFonts w:hint="default"/>
        <w:color w:val="000000" w:themeColor="text1"/>
      </w:rPr>
    </w:lvl>
    <w:lvl w:ilvl="2">
      <w:start w:val="1"/>
      <w:numFmt w:val="decimal"/>
      <w:lvlText w:val="%1.%2.%3."/>
      <w:lvlJc w:val="left"/>
      <w:pPr>
        <w:ind w:left="158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08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9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09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60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10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680" w:hanging="1440"/>
      </w:pPr>
      <w:rPr>
        <w:rFonts w:hint="default"/>
      </w:rPr>
    </w:lvl>
  </w:abstractNum>
  <w:abstractNum w:abstractNumId="21" w15:restartNumberingAfterBreak="0">
    <w:nsid w:val="2DAA1C6E"/>
    <w:multiLevelType w:val="multilevel"/>
    <w:tmpl w:val="E7CE62C0"/>
    <w:numStyleLink w:val="SecListStyle"/>
  </w:abstractNum>
  <w:abstractNum w:abstractNumId="22" w15:restartNumberingAfterBreak="0">
    <w:nsid w:val="2DDE5C4F"/>
    <w:multiLevelType w:val="hybridMultilevel"/>
    <w:tmpl w:val="7F30C74C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7D34BBE6">
      <w:numFmt w:val="bullet"/>
      <w:lvlText w:val="•"/>
      <w:lvlJc w:val="left"/>
      <w:pPr>
        <w:ind w:left="1440" w:hanging="720"/>
      </w:pPr>
      <w:rPr>
        <w:rFonts w:ascii="Arial" w:eastAsia="Times New Roman" w:hAnsi="Arial" w:cs="Arial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3" w15:restartNumberingAfterBreak="0">
    <w:nsid w:val="35152417"/>
    <w:multiLevelType w:val="hybridMultilevel"/>
    <w:tmpl w:val="9378F296"/>
    <w:lvl w:ilvl="0" w:tplc="08090001">
      <w:start w:val="1"/>
      <w:numFmt w:val="bullet"/>
      <w:lvlText w:val=""/>
      <w:lvlJc w:val="left"/>
      <w:pPr>
        <w:ind w:left="468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18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90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62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34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06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78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50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228" w:hanging="360"/>
      </w:pPr>
      <w:rPr>
        <w:rFonts w:ascii="Wingdings" w:hAnsi="Wingdings" w:hint="default"/>
      </w:rPr>
    </w:lvl>
  </w:abstractNum>
  <w:abstractNum w:abstractNumId="24" w15:restartNumberingAfterBreak="0">
    <w:nsid w:val="355A7623"/>
    <w:multiLevelType w:val="hybridMultilevel"/>
    <w:tmpl w:val="D1F2AAEC"/>
    <w:lvl w:ilvl="0" w:tplc="08090001">
      <w:start w:val="1"/>
      <w:numFmt w:val="bullet"/>
      <w:lvlText w:val=""/>
      <w:lvlJc w:val="left"/>
      <w:pPr>
        <w:ind w:left="828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54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26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98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70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42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14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86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588" w:hanging="360"/>
      </w:pPr>
      <w:rPr>
        <w:rFonts w:ascii="Wingdings" w:hAnsi="Wingdings" w:hint="default"/>
      </w:rPr>
    </w:lvl>
  </w:abstractNum>
  <w:abstractNum w:abstractNumId="25" w15:restartNumberingAfterBreak="0">
    <w:nsid w:val="383B7E6D"/>
    <w:multiLevelType w:val="multilevel"/>
    <w:tmpl w:val="17BA9ABE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3C8D2A46"/>
    <w:multiLevelType w:val="hybridMultilevel"/>
    <w:tmpl w:val="0E0647D0"/>
    <w:lvl w:ilvl="0" w:tplc="EEC6B8F6">
      <w:start w:val="1"/>
      <w:numFmt w:val="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 w:tplc="61127F52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D7AA0C1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8E50245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6114BB3C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5DD2DB6C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60307AC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B5169AA4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2A08392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56D1A4B"/>
    <w:multiLevelType w:val="hybridMultilevel"/>
    <w:tmpl w:val="C780F21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47FB34D5"/>
    <w:multiLevelType w:val="multilevel"/>
    <w:tmpl w:val="E7CE62C0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9" w15:restartNumberingAfterBreak="0">
    <w:nsid w:val="4A0744BE"/>
    <w:multiLevelType w:val="hybridMultilevel"/>
    <w:tmpl w:val="F7B0CBDA"/>
    <w:lvl w:ilvl="0" w:tplc="2644838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auto"/>
      </w:rPr>
    </w:lvl>
    <w:lvl w:ilvl="1" w:tplc="48C4FAC2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auto"/>
      </w:rPr>
    </w:lvl>
    <w:lvl w:ilvl="2" w:tplc="93604084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auto"/>
      </w:rPr>
    </w:lvl>
    <w:lvl w:ilvl="3" w:tplc="69EA8D0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 w:tplc="0950AE20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 w:tplc="B2A6187A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 w:tplc="457C0C6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 w:tplc="895627B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 w:tplc="B582E30A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0" w15:restartNumberingAfterBreak="0">
    <w:nsid w:val="4BB06A1A"/>
    <w:multiLevelType w:val="hybridMultilevel"/>
    <w:tmpl w:val="56A4557C"/>
    <w:lvl w:ilvl="0" w:tplc="24D0C192">
      <w:start w:val="1"/>
      <w:numFmt w:val="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 w:tplc="96942538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 w:tplc="2C9017E6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 w:tplc="4E8486B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 w:tplc="DD5CBAAE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 w:tplc="4F4800CC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 w:tplc="10A28E8E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 w:tplc="465C91B0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 w:tplc="86DE6866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5B964012"/>
    <w:multiLevelType w:val="hybridMultilevel"/>
    <w:tmpl w:val="89621BA0"/>
    <w:lvl w:ilvl="0" w:tplc="F636190E"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5C32391B"/>
    <w:multiLevelType w:val="hybridMultilevel"/>
    <w:tmpl w:val="EB2C8280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5E8262FB"/>
    <w:multiLevelType w:val="multilevel"/>
    <w:tmpl w:val="17BA9ABE"/>
    <w:numStyleLink w:val="AppListStyle"/>
  </w:abstractNum>
  <w:abstractNum w:abstractNumId="34" w15:restartNumberingAfterBreak="0">
    <w:nsid w:val="6C821031"/>
    <w:multiLevelType w:val="multilevel"/>
    <w:tmpl w:val="F7C00DF6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auto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i w:val="0"/>
        <w:color w:val="auto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auto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35" w15:restartNumberingAfterBreak="0">
    <w:nsid w:val="6CFA0887"/>
    <w:multiLevelType w:val="hybridMultilevel"/>
    <w:tmpl w:val="AF166578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6" w15:restartNumberingAfterBreak="0">
    <w:nsid w:val="6EC72923"/>
    <w:multiLevelType w:val="hybridMultilevel"/>
    <w:tmpl w:val="B59A7400"/>
    <w:lvl w:ilvl="0" w:tplc="0809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08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7" w15:restartNumberingAfterBreak="0">
    <w:nsid w:val="6EE3444F"/>
    <w:multiLevelType w:val="hybridMultilevel"/>
    <w:tmpl w:val="9FC6082C"/>
    <w:lvl w:ilvl="0" w:tplc="FB9E7978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000000" w:themeColor="text1"/>
      </w:rPr>
    </w:lvl>
    <w:lvl w:ilvl="1" w:tplc="8028132C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000000" w:themeColor="text1"/>
      </w:rPr>
    </w:lvl>
    <w:lvl w:ilvl="2" w:tplc="F7587F46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000000" w:themeColor="text1"/>
      </w:rPr>
    </w:lvl>
    <w:lvl w:ilvl="3" w:tplc="160294B0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 w:tplc="C996155E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 w:tplc="0F904FC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 w:tplc="EB96922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 w:tplc="D50CB26A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 w:tplc="4238B79E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8" w15:restartNumberingAfterBreak="0">
    <w:nsid w:val="796A3518"/>
    <w:multiLevelType w:val="hybridMultilevel"/>
    <w:tmpl w:val="B09C02AA"/>
    <w:lvl w:ilvl="0" w:tplc="FA0E9D02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auto"/>
      </w:rPr>
    </w:lvl>
    <w:lvl w:ilvl="1" w:tplc="FD321AE8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auto"/>
      </w:rPr>
    </w:lvl>
    <w:lvl w:ilvl="2" w:tplc="AF002B8A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auto"/>
      </w:rPr>
    </w:lvl>
    <w:lvl w:ilvl="3" w:tplc="9D0AEE0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 w:tplc="85BC18B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 w:tplc="B0763E08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 w:tplc="04E87C9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 w:tplc="18EA330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 w:tplc="5C2EEE40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9" w15:restartNumberingAfterBreak="0">
    <w:nsid w:val="7A590CBE"/>
    <w:multiLevelType w:val="multilevel"/>
    <w:tmpl w:val="FE1616A4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b w:val="0"/>
        <w:bCs w:val="0"/>
        <w:color w:val="000000" w:themeColor="text1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num w:numId="1" w16cid:durableId="774520838">
    <w:abstractNumId w:val="30"/>
  </w:num>
  <w:num w:numId="2" w16cid:durableId="1937134499">
    <w:abstractNumId w:val="25"/>
  </w:num>
  <w:num w:numId="3" w16cid:durableId="2134324933">
    <w:abstractNumId w:val="33"/>
  </w:num>
  <w:num w:numId="4" w16cid:durableId="385884172">
    <w:abstractNumId w:val="29"/>
  </w:num>
  <w:num w:numId="5" w16cid:durableId="1568032949">
    <w:abstractNumId w:val="26"/>
  </w:num>
  <w:num w:numId="6" w16cid:durableId="1308821288">
    <w:abstractNumId w:val="38"/>
  </w:num>
  <w:num w:numId="7" w16cid:durableId="1968196668">
    <w:abstractNumId w:val="28"/>
  </w:num>
  <w:num w:numId="8" w16cid:durableId="608657574">
    <w:abstractNumId w:val="37"/>
  </w:num>
  <w:num w:numId="9" w16cid:durableId="193537947">
    <w:abstractNumId w:val="21"/>
  </w:num>
  <w:num w:numId="10" w16cid:durableId="1530678921">
    <w:abstractNumId w:val="9"/>
  </w:num>
  <w:num w:numId="11" w16cid:durableId="1762676072">
    <w:abstractNumId w:val="7"/>
  </w:num>
  <w:num w:numId="12" w16cid:durableId="135535333">
    <w:abstractNumId w:val="6"/>
  </w:num>
  <w:num w:numId="13" w16cid:durableId="1218197946">
    <w:abstractNumId w:val="5"/>
  </w:num>
  <w:num w:numId="14" w16cid:durableId="2003584696">
    <w:abstractNumId w:val="4"/>
  </w:num>
  <w:num w:numId="15" w16cid:durableId="976687517">
    <w:abstractNumId w:val="8"/>
  </w:num>
  <w:num w:numId="16" w16cid:durableId="1471165712">
    <w:abstractNumId w:val="3"/>
  </w:num>
  <w:num w:numId="17" w16cid:durableId="600066398">
    <w:abstractNumId w:val="2"/>
  </w:num>
  <w:num w:numId="18" w16cid:durableId="123357791">
    <w:abstractNumId w:val="1"/>
  </w:num>
  <w:num w:numId="19" w16cid:durableId="1549222527">
    <w:abstractNumId w:val="0"/>
  </w:num>
  <w:num w:numId="20" w16cid:durableId="2026323843">
    <w:abstractNumId w:val="10"/>
  </w:num>
  <w:num w:numId="21" w16cid:durableId="75635005">
    <w:abstractNumId w:val="34"/>
  </w:num>
  <w:num w:numId="22" w16cid:durableId="320278438">
    <w:abstractNumId w:val="12"/>
  </w:num>
  <w:num w:numId="23" w16cid:durableId="1777291979">
    <w:abstractNumId w:val="12"/>
  </w:num>
  <w:num w:numId="24" w16cid:durableId="1249076415">
    <w:abstractNumId w:val="12"/>
  </w:num>
  <w:num w:numId="25" w16cid:durableId="367150335">
    <w:abstractNumId w:val="37"/>
  </w:num>
  <w:num w:numId="26" w16cid:durableId="1068722637">
    <w:abstractNumId w:val="37"/>
  </w:num>
  <w:num w:numId="27" w16cid:durableId="514656056">
    <w:abstractNumId w:val="37"/>
  </w:num>
  <w:num w:numId="28" w16cid:durableId="1011102676">
    <w:abstractNumId w:val="12"/>
  </w:num>
  <w:num w:numId="29" w16cid:durableId="1889757304">
    <w:abstractNumId w:val="12"/>
  </w:num>
  <w:num w:numId="30" w16cid:durableId="1184711283">
    <w:abstractNumId w:val="12"/>
  </w:num>
  <w:num w:numId="31" w16cid:durableId="2100519220">
    <w:abstractNumId w:val="39"/>
  </w:num>
  <w:num w:numId="32" w16cid:durableId="436289332">
    <w:abstractNumId w:val="36"/>
  </w:num>
  <w:num w:numId="33" w16cid:durableId="1863471026">
    <w:abstractNumId w:val="11"/>
  </w:num>
  <w:num w:numId="34" w16cid:durableId="534006120">
    <w:abstractNumId w:val="27"/>
  </w:num>
  <w:num w:numId="35" w16cid:durableId="1461804361">
    <w:abstractNumId w:val="15"/>
  </w:num>
  <w:num w:numId="36" w16cid:durableId="2123038842">
    <w:abstractNumId w:val="32"/>
  </w:num>
  <w:num w:numId="37" w16cid:durableId="1012757240">
    <w:abstractNumId w:val="16"/>
  </w:num>
  <w:num w:numId="38" w16cid:durableId="2125729035">
    <w:abstractNumId w:val="3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9" w16cid:durableId="296450571">
    <w:abstractNumId w:val="31"/>
  </w:num>
  <w:num w:numId="40" w16cid:durableId="835725309">
    <w:abstractNumId w:val="23"/>
  </w:num>
  <w:num w:numId="41" w16cid:durableId="2068720000">
    <w:abstractNumId w:val="17"/>
  </w:num>
  <w:num w:numId="42" w16cid:durableId="802386309">
    <w:abstractNumId w:val="13"/>
  </w:num>
  <w:num w:numId="43" w16cid:durableId="619839709">
    <w:abstractNumId w:val="18"/>
  </w:num>
  <w:num w:numId="44" w16cid:durableId="2109155118">
    <w:abstractNumId w:val="24"/>
  </w:num>
  <w:num w:numId="45" w16cid:durableId="830415170">
    <w:abstractNumId w:val="20"/>
  </w:num>
  <w:num w:numId="46" w16cid:durableId="1965578868">
    <w:abstractNumId w:val="35"/>
  </w:num>
  <w:num w:numId="47" w16cid:durableId="1086226311">
    <w:abstractNumId w:val="19"/>
  </w:num>
  <w:num w:numId="48" w16cid:durableId="1608002554">
    <w:abstractNumId w:val="14"/>
  </w:num>
  <w:num w:numId="49" w16cid:durableId="1230267685">
    <w:abstractNumId w:val="34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50" w16cid:durableId="1224100840">
    <w:abstractNumId w:val="34"/>
    <w:lvlOverride w:ilvl="0">
      <w:lvl w:ilvl="0">
        <w:start w:val="1"/>
        <w:numFmt w:val="decimal"/>
        <w:lvlRestart w:val="0"/>
        <w:pStyle w:val="Heading1"/>
        <w:lvlText w:val="%1"/>
        <w:lvlJc w:val="left"/>
        <w:pPr>
          <w:ind w:left="567" w:hanging="567"/>
        </w:pPr>
        <w:rPr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lvlText w:val="%1.%2"/>
        <w:lvlJc w:val="left"/>
        <w:pPr>
          <w:ind w:left="1077" w:hanging="652"/>
        </w:pPr>
        <w:rPr>
          <w:b/>
          <w:i w:val="0"/>
          <w:color w:val="auto"/>
          <w:sz w:val="22"/>
        </w:rPr>
      </w:lvl>
    </w:lvlOverride>
    <w:lvlOverride w:ilvl="2">
      <w:lvl w:ilvl="2">
        <w:start w:val="1"/>
        <w:numFmt w:val="decimal"/>
        <w:pStyle w:val="Heading3"/>
        <w:lvlText w:val="%1.%2.%3"/>
        <w:lvlJc w:val="left"/>
        <w:pPr>
          <w:tabs>
            <w:tab w:val="num" w:pos="964"/>
          </w:tabs>
          <w:ind w:left="142" w:firstLine="0"/>
        </w:pPr>
        <w:rPr>
          <w:b/>
          <w:i w:val="0"/>
          <w:color w:val="000000" w:themeColor="text1"/>
          <w:sz w:val="20"/>
        </w:rPr>
      </w:lvl>
    </w:lvlOverride>
    <w:lvlOverride w:ilvl="3">
      <w:lvl w:ilvl="3">
        <w:start w:val="1"/>
        <w:numFmt w:val="decimal"/>
        <w:pStyle w:val="Heading4"/>
        <w:lvlText w:val="%1.%2.%3.%4"/>
        <w:lvlJc w:val="left"/>
        <w:pPr>
          <w:ind w:left="1106" w:hanging="1106"/>
        </w:pPr>
        <w:rPr>
          <w:b/>
          <w:bCs/>
          <w:i w:val="0"/>
          <w:color w:val="000000" w:themeColor="tex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51" w16cid:durableId="2130737302">
    <w:abstractNumId w:val="34"/>
  </w:num>
  <w:num w:numId="52" w16cid:durableId="301618118">
    <w:abstractNumId w:val="22"/>
  </w:num>
  <w:numIdMacAtCleanup w:val="5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07A7"/>
    <w:rsid w:val="0000462D"/>
    <w:rsid w:val="00006116"/>
    <w:rsid w:val="0000685C"/>
    <w:rsid w:val="00010E9E"/>
    <w:rsid w:val="00010ED2"/>
    <w:rsid w:val="000121EC"/>
    <w:rsid w:val="00012416"/>
    <w:rsid w:val="00012D74"/>
    <w:rsid w:val="00013143"/>
    <w:rsid w:val="00013B05"/>
    <w:rsid w:val="00017138"/>
    <w:rsid w:val="00017B8D"/>
    <w:rsid w:val="00017CC8"/>
    <w:rsid w:val="00020733"/>
    <w:rsid w:val="00020E14"/>
    <w:rsid w:val="000213FE"/>
    <w:rsid w:val="0002152B"/>
    <w:rsid w:val="000220AD"/>
    <w:rsid w:val="0002658C"/>
    <w:rsid w:val="00027AE3"/>
    <w:rsid w:val="00030817"/>
    <w:rsid w:val="00030877"/>
    <w:rsid w:val="00030F6C"/>
    <w:rsid w:val="00032C0F"/>
    <w:rsid w:val="00035CBA"/>
    <w:rsid w:val="00036F1C"/>
    <w:rsid w:val="0004012C"/>
    <w:rsid w:val="00040744"/>
    <w:rsid w:val="00043240"/>
    <w:rsid w:val="0004420D"/>
    <w:rsid w:val="000447E9"/>
    <w:rsid w:val="00044832"/>
    <w:rsid w:val="000455ED"/>
    <w:rsid w:val="000466B3"/>
    <w:rsid w:val="00047D04"/>
    <w:rsid w:val="00051105"/>
    <w:rsid w:val="000529F1"/>
    <w:rsid w:val="00052B9A"/>
    <w:rsid w:val="00053524"/>
    <w:rsid w:val="00054160"/>
    <w:rsid w:val="000542B2"/>
    <w:rsid w:val="00061FC8"/>
    <w:rsid w:val="0006288D"/>
    <w:rsid w:val="00064489"/>
    <w:rsid w:val="0006647C"/>
    <w:rsid w:val="00066BB8"/>
    <w:rsid w:val="000677FD"/>
    <w:rsid w:val="00067904"/>
    <w:rsid w:val="00067E96"/>
    <w:rsid w:val="00071259"/>
    <w:rsid w:val="00072A7A"/>
    <w:rsid w:val="00074E16"/>
    <w:rsid w:val="000753DB"/>
    <w:rsid w:val="00075C49"/>
    <w:rsid w:val="00076F6B"/>
    <w:rsid w:val="00080205"/>
    <w:rsid w:val="00081606"/>
    <w:rsid w:val="0008188D"/>
    <w:rsid w:val="0008240F"/>
    <w:rsid w:val="0008281B"/>
    <w:rsid w:val="0008292B"/>
    <w:rsid w:val="00082C50"/>
    <w:rsid w:val="00082E40"/>
    <w:rsid w:val="000832A7"/>
    <w:rsid w:val="000845BA"/>
    <w:rsid w:val="000847C7"/>
    <w:rsid w:val="000871CC"/>
    <w:rsid w:val="00087A17"/>
    <w:rsid w:val="0009008C"/>
    <w:rsid w:val="00091002"/>
    <w:rsid w:val="000928CB"/>
    <w:rsid w:val="00093262"/>
    <w:rsid w:val="0009472B"/>
    <w:rsid w:val="00095027"/>
    <w:rsid w:val="0009564E"/>
    <w:rsid w:val="00097998"/>
    <w:rsid w:val="00097F58"/>
    <w:rsid w:val="000A09B4"/>
    <w:rsid w:val="000A09E9"/>
    <w:rsid w:val="000A0E6D"/>
    <w:rsid w:val="000A3B34"/>
    <w:rsid w:val="000A5025"/>
    <w:rsid w:val="000A58E2"/>
    <w:rsid w:val="000A63C2"/>
    <w:rsid w:val="000A7218"/>
    <w:rsid w:val="000A7F42"/>
    <w:rsid w:val="000B11B2"/>
    <w:rsid w:val="000B1F4A"/>
    <w:rsid w:val="000B2958"/>
    <w:rsid w:val="000B3CCA"/>
    <w:rsid w:val="000B54A1"/>
    <w:rsid w:val="000B54AF"/>
    <w:rsid w:val="000B57A6"/>
    <w:rsid w:val="000B57F9"/>
    <w:rsid w:val="000B583A"/>
    <w:rsid w:val="000B7E63"/>
    <w:rsid w:val="000C1620"/>
    <w:rsid w:val="000C2DFF"/>
    <w:rsid w:val="000C3168"/>
    <w:rsid w:val="000C3765"/>
    <w:rsid w:val="000C4096"/>
    <w:rsid w:val="000C5D96"/>
    <w:rsid w:val="000C6247"/>
    <w:rsid w:val="000D01B8"/>
    <w:rsid w:val="000D14DE"/>
    <w:rsid w:val="000D243C"/>
    <w:rsid w:val="000D340A"/>
    <w:rsid w:val="000D659E"/>
    <w:rsid w:val="000D7872"/>
    <w:rsid w:val="000E0255"/>
    <w:rsid w:val="000E0BD7"/>
    <w:rsid w:val="000E0D78"/>
    <w:rsid w:val="000E1D5D"/>
    <w:rsid w:val="000E352F"/>
    <w:rsid w:val="000E4A6D"/>
    <w:rsid w:val="000E4CD1"/>
    <w:rsid w:val="000E5038"/>
    <w:rsid w:val="000E51F3"/>
    <w:rsid w:val="000E5AD8"/>
    <w:rsid w:val="000E6A68"/>
    <w:rsid w:val="000E7FD0"/>
    <w:rsid w:val="000F12B6"/>
    <w:rsid w:val="000F1A50"/>
    <w:rsid w:val="000F2756"/>
    <w:rsid w:val="000F2982"/>
    <w:rsid w:val="000F2B6C"/>
    <w:rsid w:val="000F49EB"/>
    <w:rsid w:val="000F50B9"/>
    <w:rsid w:val="000F5205"/>
    <w:rsid w:val="000F7504"/>
    <w:rsid w:val="000F7766"/>
    <w:rsid w:val="00100826"/>
    <w:rsid w:val="0010088B"/>
    <w:rsid w:val="00100AFA"/>
    <w:rsid w:val="00100EDF"/>
    <w:rsid w:val="00102310"/>
    <w:rsid w:val="00102A4D"/>
    <w:rsid w:val="00103224"/>
    <w:rsid w:val="00106F5E"/>
    <w:rsid w:val="00111067"/>
    <w:rsid w:val="0011168D"/>
    <w:rsid w:val="001144AC"/>
    <w:rsid w:val="00115151"/>
    <w:rsid w:val="001172E6"/>
    <w:rsid w:val="00117967"/>
    <w:rsid w:val="00121EBF"/>
    <w:rsid w:val="00122833"/>
    <w:rsid w:val="00123B36"/>
    <w:rsid w:val="00124022"/>
    <w:rsid w:val="00124389"/>
    <w:rsid w:val="00124AFE"/>
    <w:rsid w:val="00124B1F"/>
    <w:rsid w:val="001251BA"/>
    <w:rsid w:val="00125335"/>
    <w:rsid w:val="00125BC8"/>
    <w:rsid w:val="001275A4"/>
    <w:rsid w:val="0012783D"/>
    <w:rsid w:val="001307C6"/>
    <w:rsid w:val="00132A94"/>
    <w:rsid w:val="00133A0B"/>
    <w:rsid w:val="00134103"/>
    <w:rsid w:val="0013460C"/>
    <w:rsid w:val="00134C97"/>
    <w:rsid w:val="00134CC3"/>
    <w:rsid w:val="00135324"/>
    <w:rsid w:val="00136443"/>
    <w:rsid w:val="00136970"/>
    <w:rsid w:val="001376CD"/>
    <w:rsid w:val="00142C5F"/>
    <w:rsid w:val="00143C49"/>
    <w:rsid w:val="00144FEC"/>
    <w:rsid w:val="001468D4"/>
    <w:rsid w:val="00147611"/>
    <w:rsid w:val="001501EC"/>
    <w:rsid w:val="00150FC9"/>
    <w:rsid w:val="001513FD"/>
    <w:rsid w:val="00151C71"/>
    <w:rsid w:val="0015253E"/>
    <w:rsid w:val="00153516"/>
    <w:rsid w:val="0015423D"/>
    <w:rsid w:val="00154B22"/>
    <w:rsid w:val="00155238"/>
    <w:rsid w:val="0015746F"/>
    <w:rsid w:val="001579EA"/>
    <w:rsid w:val="00161037"/>
    <w:rsid w:val="00161FB9"/>
    <w:rsid w:val="001629A9"/>
    <w:rsid w:val="00163063"/>
    <w:rsid w:val="00163988"/>
    <w:rsid w:val="00165614"/>
    <w:rsid w:val="001678E3"/>
    <w:rsid w:val="00167C11"/>
    <w:rsid w:val="00167F93"/>
    <w:rsid w:val="00170399"/>
    <w:rsid w:val="00171439"/>
    <w:rsid w:val="00172695"/>
    <w:rsid w:val="001741EE"/>
    <w:rsid w:val="001759D9"/>
    <w:rsid w:val="001761E1"/>
    <w:rsid w:val="00177D3C"/>
    <w:rsid w:val="00181647"/>
    <w:rsid w:val="00181F2A"/>
    <w:rsid w:val="00182CDC"/>
    <w:rsid w:val="00182E79"/>
    <w:rsid w:val="00183C09"/>
    <w:rsid w:val="00184206"/>
    <w:rsid w:val="00186315"/>
    <w:rsid w:val="00186676"/>
    <w:rsid w:val="001878A2"/>
    <w:rsid w:val="001904A3"/>
    <w:rsid w:val="00190949"/>
    <w:rsid w:val="0019167F"/>
    <w:rsid w:val="00192924"/>
    <w:rsid w:val="00192B34"/>
    <w:rsid w:val="001933A2"/>
    <w:rsid w:val="001933D0"/>
    <w:rsid w:val="001939C0"/>
    <w:rsid w:val="001944D6"/>
    <w:rsid w:val="00194EA1"/>
    <w:rsid w:val="00194EBF"/>
    <w:rsid w:val="001960CF"/>
    <w:rsid w:val="001963ED"/>
    <w:rsid w:val="001978B3"/>
    <w:rsid w:val="001A02E9"/>
    <w:rsid w:val="001A12A0"/>
    <w:rsid w:val="001A1AAE"/>
    <w:rsid w:val="001A209A"/>
    <w:rsid w:val="001A458B"/>
    <w:rsid w:val="001A5B6C"/>
    <w:rsid w:val="001A755F"/>
    <w:rsid w:val="001A7940"/>
    <w:rsid w:val="001B0796"/>
    <w:rsid w:val="001B153F"/>
    <w:rsid w:val="001B1F99"/>
    <w:rsid w:val="001B25DA"/>
    <w:rsid w:val="001B43AE"/>
    <w:rsid w:val="001B486B"/>
    <w:rsid w:val="001C0EE4"/>
    <w:rsid w:val="001C153E"/>
    <w:rsid w:val="001C1DA0"/>
    <w:rsid w:val="001C2F21"/>
    <w:rsid w:val="001C4326"/>
    <w:rsid w:val="001C4A38"/>
    <w:rsid w:val="001C565C"/>
    <w:rsid w:val="001C650E"/>
    <w:rsid w:val="001C6590"/>
    <w:rsid w:val="001D0EA5"/>
    <w:rsid w:val="001D1123"/>
    <w:rsid w:val="001D5FFD"/>
    <w:rsid w:val="001D67B2"/>
    <w:rsid w:val="001D6E9B"/>
    <w:rsid w:val="001E00B1"/>
    <w:rsid w:val="001E07C2"/>
    <w:rsid w:val="001E477B"/>
    <w:rsid w:val="001E600A"/>
    <w:rsid w:val="001E6114"/>
    <w:rsid w:val="001E6C3E"/>
    <w:rsid w:val="001F43F4"/>
    <w:rsid w:val="001F4ACD"/>
    <w:rsid w:val="001F4DE9"/>
    <w:rsid w:val="001F60DB"/>
    <w:rsid w:val="001F7E2C"/>
    <w:rsid w:val="002006DD"/>
    <w:rsid w:val="0020106E"/>
    <w:rsid w:val="0020188B"/>
    <w:rsid w:val="002019B4"/>
    <w:rsid w:val="002021D2"/>
    <w:rsid w:val="002022A1"/>
    <w:rsid w:val="002031C8"/>
    <w:rsid w:val="0020520C"/>
    <w:rsid w:val="00205386"/>
    <w:rsid w:val="002059EC"/>
    <w:rsid w:val="00206DCF"/>
    <w:rsid w:val="002071F8"/>
    <w:rsid w:val="0021220C"/>
    <w:rsid w:val="00213341"/>
    <w:rsid w:val="00214C40"/>
    <w:rsid w:val="002151BC"/>
    <w:rsid w:val="002157DB"/>
    <w:rsid w:val="002174E9"/>
    <w:rsid w:val="00220D0C"/>
    <w:rsid w:val="00222C71"/>
    <w:rsid w:val="00222F2C"/>
    <w:rsid w:val="00223DA1"/>
    <w:rsid w:val="00224D69"/>
    <w:rsid w:val="0022628C"/>
    <w:rsid w:val="002301CB"/>
    <w:rsid w:val="00231305"/>
    <w:rsid w:val="00235DDA"/>
    <w:rsid w:val="00236799"/>
    <w:rsid w:val="002378AE"/>
    <w:rsid w:val="00241C31"/>
    <w:rsid w:val="00243777"/>
    <w:rsid w:val="00244ECF"/>
    <w:rsid w:val="00245067"/>
    <w:rsid w:val="00245F10"/>
    <w:rsid w:val="00246271"/>
    <w:rsid w:val="00246903"/>
    <w:rsid w:val="00246F32"/>
    <w:rsid w:val="00247664"/>
    <w:rsid w:val="0025582E"/>
    <w:rsid w:val="00255F90"/>
    <w:rsid w:val="00260780"/>
    <w:rsid w:val="00260BCE"/>
    <w:rsid w:val="00260FD5"/>
    <w:rsid w:val="00261A57"/>
    <w:rsid w:val="002626EB"/>
    <w:rsid w:val="0026292C"/>
    <w:rsid w:val="002631D7"/>
    <w:rsid w:val="00263DB2"/>
    <w:rsid w:val="0026459D"/>
    <w:rsid w:val="00264DB8"/>
    <w:rsid w:val="00265B08"/>
    <w:rsid w:val="00266C6D"/>
    <w:rsid w:val="002675DA"/>
    <w:rsid w:val="00267ACA"/>
    <w:rsid w:val="00267CA0"/>
    <w:rsid w:val="002703C2"/>
    <w:rsid w:val="0027195C"/>
    <w:rsid w:val="002726A5"/>
    <w:rsid w:val="00274D95"/>
    <w:rsid w:val="00275489"/>
    <w:rsid w:val="002759CF"/>
    <w:rsid w:val="00277B56"/>
    <w:rsid w:val="00280BD3"/>
    <w:rsid w:val="0028176C"/>
    <w:rsid w:val="00282C90"/>
    <w:rsid w:val="0028377D"/>
    <w:rsid w:val="00286DEB"/>
    <w:rsid w:val="00290201"/>
    <w:rsid w:val="00290FF5"/>
    <w:rsid w:val="002916DA"/>
    <w:rsid w:val="0029181E"/>
    <w:rsid w:val="00294387"/>
    <w:rsid w:val="00295844"/>
    <w:rsid w:val="00296BFE"/>
    <w:rsid w:val="00297082"/>
    <w:rsid w:val="00297F02"/>
    <w:rsid w:val="002A01CE"/>
    <w:rsid w:val="002A329D"/>
    <w:rsid w:val="002A51BA"/>
    <w:rsid w:val="002A5CC3"/>
    <w:rsid w:val="002B2B7C"/>
    <w:rsid w:val="002B387B"/>
    <w:rsid w:val="002B7792"/>
    <w:rsid w:val="002C08E2"/>
    <w:rsid w:val="002C091A"/>
    <w:rsid w:val="002C0BA8"/>
    <w:rsid w:val="002C276E"/>
    <w:rsid w:val="002C2B2D"/>
    <w:rsid w:val="002C2E22"/>
    <w:rsid w:val="002C36E2"/>
    <w:rsid w:val="002C4055"/>
    <w:rsid w:val="002C4A76"/>
    <w:rsid w:val="002C5742"/>
    <w:rsid w:val="002C7946"/>
    <w:rsid w:val="002D1D23"/>
    <w:rsid w:val="002D226C"/>
    <w:rsid w:val="002D2504"/>
    <w:rsid w:val="002D3C8D"/>
    <w:rsid w:val="002D5A40"/>
    <w:rsid w:val="002D6D93"/>
    <w:rsid w:val="002D70B2"/>
    <w:rsid w:val="002D7F9B"/>
    <w:rsid w:val="002E0062"/>
    <w:rsid w:val="002E2086"/>
    <w:rsid w:val="002E2CA4"/>
    <w:rsid w:val="002E35E5"/>
    <w:rsid w:val="002E40B8"/>
    <w:rsid w:val="002E53D9"/>
    <w:rsid w:val="002E5C65"/>
    <w:rsid w:val="002E649E"/>
    <w:rsid w:val="002E70C0"/>
    <w:rsid w:val="002E70D9"/>
    <w:rsid w:val="002E782B"/>
    <w:rsid w:val="002F1DA5"/>
    <w:rsid w:val="002F26E6"/>
    <w:rsid w:val="002F3AF4"/>
    <w:rsid w:val="002F4AE3"/>
    <w:rsid w:val="002F6BE2"/>
    <w:rsid w:val="002F6D17"/>
    <w:rsid w:val="0030136A"/>
    <w:rsid w:val="00301599"/>
    <w:rsid w:val="00301ABD"/>
    <w:rsid w:val="00302ECA"/>
    <w:rsid w:val="0030357A"/>
    <w:rsid w:val="00306BEB"/>
    <w:rsid w:val="003075F9"/>
    <w:rsid w:val="00307822"/>
    <w:rsid w:val="00311D31"/>
    <w:rsid w:val="00313388"/>
    <w:rsid w:val="003140A7"/>
    <w:rsid w:val="0031593E"/>
    <w:rsid w:val="0031608E"/>
    <w:rsid w:val="0031618C"/>
    <w:rsid w:val="003164CB"/>
    <w:rsid w:val="00316F28"/>
    <w:rsid w:val="00317BD0"/>
    <w:rsid w:val="00321EF1"/>
    <w:rsid w:val="00322E08"/>
    <w:rsid w:val="003232D1"/>
    <w:rsid w:val="0032426C"/>
    <w:rsid w:val="00324627"/>
    <w:rsid w:val="003248B7"/>
    <w:rsid w:val="00324994"/>
    <w:rsid w:val="0032520E"/>
    <w:rsid w:val="003255F3"/>
    <w:rsid w:val="003258D8"/>
    <w:rsid w:val="00325A47"/>
    <w:rsid w:val="00325FD6"/>
    <w:rsid w:val="00326C58"/>
    <w:rsid w:val="00327BD8"/>
    <w:rsid w:val="00330454"/>
    <w:rsid w:val="003317BA"/>
    <w:rsid w:val="00334340"/>
    <w:rsid w:val="0033490E"/>
    <w:rsid w:val="0033579E"/>
    <w:rsid w:val="00335BA6"/>
    <w:rsid w:val="00335EED"/>
    <w:rsid w:val="0033625E"/>
    <w:rsid w:val="00336DF0"/>
    <w:rsid w:val="003415FC"/>
    <w:rsid w:val="0034352C"/>
    <w:rsid w:val="0034372F"/>
    <w:rsid w:val="00343C43"/>
    <w:rsid w:val="003449D4"/>
    <w:rsid w:val="00345479"/>
    <w:rsid w:val="00346244"/>
    <w:rsid w:val="0034683A"/>
    <w:rsid w:val="00346F0E"/>
    <w:rsid w:val="00347DEE"/>
    <w:rsid w:val="00350235"/>
    <w:rsid w:val="003515A8"/>
    <w:rsid w:val="003517DD"/>
    <w:rsid w:val="00351EDD"/>
    <w:rsid w:val="003547E9"/>
    <w:rsid w:val="00354BED"/>
    <w:rsid w:val="003604C7"/>
    <w:rsid w:val="00360CED"/>
    <w:rsid w:val="00360F5C"/>
    <w:rsid w:val="0036336F"/>
    <w:rsid w:val="00363795"/>
    <w:rsid w:val="00364BD4"/>
    <w:rsid w:val="00364E2B"/>
    <w:rsid w:val="00366095"/>
    <w:rsid w:val="0036756A"/>
    <w:rsid w:val="003704C4"/>
    <w:rsid w:val="003714E5"/>
    <w:rsid w:val="0037175D"/>
    <w:rsid w:val="00371B37"/>
    <w:rsid w:val="00372A40"/>
    <w:rsid w:val="0038027D"/>
    <w:rsid w:val="00380825"/>
    <w:rsid w:val="00380BF7"/>
    <w:rsid w:val="00380F91"/>
    <w:rsid w:val="00382D21"/>
    <w:rsid w:val="00382D3B"/>
    <w:rsid w:val="00383D71"/>
    <w:rsid w:val="0039000D"/>
    <w:rsid w:val="00390635"/>
    <w:rsid w:val="00390B9F"/>
    <w:rsid w:val="00392154"/>
    <w:rsid w:val="00392AB3"/>
    <w:rsid w:val="00392CF6"/>
    <w:rsid w:val="0039433C"/>
    <w:rsid w:val="003953C8"/>
    <w:rsid w:val="003956BA"/>
    <w:rsid w:val="00395DBB"/>
    <w:rsid w:val="00395E8C"/>
    <w:rsid w:val="00395F74"/>
    <w:rsid w:val="003A01FA"/>
    <w:rsid w:val="003A09F8"/>
    <w:rsid w:val="003A1BC9"/>
    <w:rsid w:val="003A2EEC"/>
    <w:rsid w:val="003A5601"/>
    <w:rsid w:val="003A6976"/>
    <w:rsid w:val="003A6D82"/>
    <w:rsid w:val="003A757B"/>
    <w:rsid w:val="003B011A"/>
    <w:rsid w:val="003B107B"/>
    <w:rsid w:val="003B1542"/>
    <w:rsid w:val="003B3EEE"/>
    <w:rsid w:val="003B4038"/>
    <w:rsid w:val="003B582C"/>
    <w:rsid w:val="003B6850"/>
    <w:rsid w:val="003B6B19"/>
    <w:rsid w:val="003B760A"/>
    <w:rsid w:val="003B7C1A"/>
    <w:rsid w:val="003C1103"/>
    <w:rsid w:val="003C1B55"/>
    <w:rsid w:val="003C2B65"/>
    <w:rsid w:val="003C39F9"/>
    <w:rsid w:val="003C42C3"/>
    <w:rsid w:val="003C4650"/>
    <w:rsid w:val="003C5C40"/>
    <w:rsid w:val="003C7224"/>
    <w:rsid w:val="003C7751"/>
    <w:rsid w:val="003C7CFC"/>
    <w:rsid w:val="003D042A"/>
    <w:rsid w:val="003D354E"/>
    <w:rsid w:val="003D35C2"/>
    <w:rsid w:val="003D5663"/>
    <w:rsid w:val="003D77FF"/>
    <w:rsid w:val="003E01A1"/>
    <w:rsid w:val="003E2250"/>
    <w:rsid w:val="003E258B"/>
    <w:rsid w:val="003E41D4"/>
    <w:rsid w:val="003E479D"/>
    <w:rsid w:val="003E4DC7"/>
    <w:rsid w:val="003E7441"/>
    <w:rsid w:val="003F0899"/>
    <w:rsid w:val="003F1418"/>
    <w:rsid w:val="003F35C6"/>
    <w:rsid w:val="003F4EBC"/>
    <w:rsid w:val="0040198B"/>
    <w:rsid w:val="00401C9A"/>
    <w:rsid w:val="00401E2E"/>
    <w:rsid w:val="00403A35"/>
    <w:rsid w:val="00404089"/>
    <w:rsid w:val="00404F48"/>
    <w:rsid w:val="00405035"/>
    <w:rsid w:val="00405700"/>
    <w:rsid w:val="00411915"/>
    <w:rsid w:val="004133D0"/>
    <w:rsid w:val="00414A86"/>
    <w:rsid w:val="00414FF5"/>
    <w:rsid w:val="00421579"/>
    <w:rsid w:val="004228AA"/>
    <w:rsid w:val="00424BAA"/>
    <w:rsid w:val="004252A4"/>
    <w:rsid w:val="00426294"/>
    <w:rsid w:val="0042743B"/>
    <w:rsid w:val="0042795D"/>
    <w:rsid w:val="004308EB"/>
    <w:rsid w:val="00431B93"/>
    <w:rsid w:val="00432BD8"/>
    <w:rsid w:val="00434071"/>
    <w:rsid w:val="004341F6"/>
    <w:rsid w:val="0043564D"/>
    <w:rsid w:val="00436A4F"/>
    <w:rsid w:val="00436E25"/>
    <w:rsid w:val="00437F3F"/>
    <w:rsid w:val="004401A8"/>
    <w:rsid w:val="004407DF"/>
    <w:rsid w:val="0044083F"/>
    <w:rsid w:val="00442A98"/>
    <w:rsid w:val="00443507"/>
    <w:rsid w:val="00443762"/>
    <w:rsid w:val="004446C1"/>
    <w:rsid w:val="0044470D"/>
    <w:rsid w:val="0044525C"/>
    <w:rsid w:val="00445E17"/>
    <w:rsid w:val="00445E23"/>
    <w:rsid w:val="00445FE6"/>
    <w:rsid w:val="00446415"/>
    <w:rsid w:val="00447685"/>
    <w:rsid w:val="0045045B"/>
    <w:rsid w:val="00450CB8"/>
    <w:rsid w:val="00450DA7"/>
    <w:rsid w:val="00452DDC"/>
    <w:rsid w:val="00453354"/>
    <w:rsid w:val="0045458E"/>
    <w:rsid w:val="00454788"/>
    <w:rsid w:val="00455690"/>
    <w:rsid w:val="004557A0"/>
    <w:rsid w:val="004557C8"/>
    <w:rsid w:val="00455E81"/>
    <w:rsid w:val="004564E1"/>
    <w:rsid w:val="004567BB"/>
    <w:rsid w:val="0046015D"/>
    <w:rsid w:val="00460786"/>
    <w:rsid w:val="00461B0B"/>
    <w:rsid w:val="0046216F"/>
    <w:rsid w:val="00462FB9"/>
    <w:rsid w:val="00464E24"/>
    <w:rsid w:val="00464FAE"/>
    <w:rsid w:val="00466080"/>
    <w:rsid w:val="00470F74"/>
    <w:rsid w:val="00471DC1"/>
    <w:rsid w:val="00472463"/>
    <w:rsid w:val="004729BD"/>
    <w:rsid w:val="00473B3D"/>
    <w:rsid w:val="0047579B"/>
    <w:rsid w:val="00477CDC"/>
    <w:rsid w:val="00481635"/>
    <w:rsid w:val="00482429"/>
    <w:rsid w:val="004844B2"/>
    <w:rsid w:val="00484627"/>
    <w:rsid w:val="00486623"/>
    <w:rsid w:val="00490A83"/>
    <w:rsid w:val="00492185"/>
    <w:rsid w:val="0049371B"/>
    <w:rsid w:val="00493767"/>
    <w:rsid w:val="00493E33"/>
    <w:rsid w:val="00494383"/>
    <w:rsid w:val="004945B3"/>
    <w:rsid w:val="00495583"/>
    <w:rsid w:val="0049671C"/>
    <w:rsid w:val="00496D17"/>
    <w:rsid w:val="004974CA"/>
    <w:rsid w:val="004A2BA6"/>
    <w:rsid w:val="004A2F8B"/>
    <w:rsid w:val="004A426F"/>
    <w:rsid w:val="004A64C4"/>
    <w:rsid w:val="004A6D97"/>
    <w:rsid w:val="004A7221"/>
    <w:rsid w:val="004A7D71"/>
    <w:rsid w:val="004B0122"/>
    <w:rsid w:val="004B059C"/>
    <w:rsid w:val="004B0773"/>
    <w:rsid w:val="004B2612"/>
    <w:rsid w:val="004B3708"/>
    <w:rsid w:val="004B3E3D"/>
    <w:rsid w:val="004B43FD"/>
    <w:rsid w:val="004B4F47"/>
    <w:rsid w:val="004B5721"/>
    <w:rsid w:val="004B74DD"/>
    <w:rsid w:val="004C009E"/>
    <w:rsid w:val="004C1889"/>
    <w:rsid w:val="004C1E01"/>
    <w:rsid w:val="004C573A"/>
    <w:rsid w:val="004C5F7D"/>
    <w:rsid w:val="004C64A7"/>
    <w:rsid w:val="004C6AA2"/>
    <w:rsid w:val="004C7AB8"/>
    <w:rsid w:val="004D03C8"/>
    <w:rsid w:val="004D274C"/>
    <w:rsid w:val="004D2817"/>
    <w:rsid w:val="004D2D30"/>
    <w:rsid w:val="004D2E60"/>
    <w:rsid w:val="004D377F"/>
    <w:rsid w:val="004D4E00"/>
    <w:rsid w:val="004D4E95"/>
    <w:rsid w:val="004D54C7"/>
    <w:rsid w:val="004D5503"/>
    <w:rsid w:val="004D5FD8"/>
    <w:rsid w:val="004D6B7B"/>
    <w:rsid w:val="004D7C2D"/>
    <w:rsid w:val="004E1F7A"/>
    <w:rsid w:val="004E2E7D"/>
    <w:rsid w:val="004E3667"/>
    <w:rsid w:val="004E4397"/>
    <w:rsid w:val="004E4E04"/>
    <w:rsid w:val="004F3A29"/>
    <w:rsid w:val="004F7845"/>
    <w:rsid w:val="005016C0"/>
    <w:rsid w:val="00502693"/>
    <w:rsid w:val="00502F3D"/>
    <w:rsid w:val="00503CF4"/>
    <w:rsid w:val="00504EA7"/>
    <w:rsid w:val="00505A5A"/>
    <w:rsid w:val="00506875"/>
    <w:rsid w:val="0050701B"/>
    <w:rsid w:val="00507D2A"/>
    <w:rsid w:val="00510A6C"/>
    <w:rsid w:val="00511000"/>
    <w:rsid w:val="005118EC"/>
    <w:rsid w:val="0051564E"/>
    <w:rsid w:val="00515B71"/>
    <w:rsid w:val="00516334"/>
    <w:rsid w:val="00516626"/>
    <w:rsid w:val="00516E8C"/>
    <w:rsid w:val="00517302"/>
    <w:rsid w:val="00520BE8"/>
    <w:rsid w:val="005213EF"/>
    <w:rsid w:val="00521780"/>
    <w:rsid w:val="005231B0"/>
    <w:rsid w:val="00524AA5"/>
    <w:rsid w:val="005269F4"/>
    <w:rsid w:val="00530427"/>
    <w:rsid w:val="00530AA9"/>
    <w:rsid w:val="00531741"/>
    <w:rsid w:val="00532D3D"/>
    <w:rsid w:val="00533769"/>
    <w:rsid w:val="00534484"/>
    <w:rsid w:val="005350F8"/>
    <w:rsid w:val="00535AAD"/>
    <w:rsid w:val="0053610E"/>
    <w:rsid w:val="00536178"/>
    <w:rsid w:val="00536498"/>
    <w:rsid w:val="005375CB"/>
    <w:rsid w:val="00537C48"/>
    <w:rsid w:val="00544682"/>
    <w:rsid w:val="00545B91"/>
    <w:rsid w:val="00545F81"/>
    <w:rsid w:val="0054740B"/>
    <w:rsid w:val="00547831"/>
    <w:rsid w:val="00547E10"/>
    <w:rsid w:val="00551580"/>
    <w:rsid w:val="005535B6"/>
    <w:rsid w:val="00553C72"/>
    <w:rsid w:val="00554239"/>
    <w:rsid w:val="0055449E"/>
    <w:rsid w:val="0055524E"/>
    <w:rsid w:val="00556AAA"/>
    <w:rsid w:val="00556F43"/>
    <w:rsid w:val="005571A6"/>
    <w:rsid w:val="005574E7"/>
    <w:rsid w:val="00560FDE"/>
    <w:rsid w:val="00563772"/>
    <w:rsid w:val="005639E4"/>
    <w:rsid w:val="00563BDC"/>
    <w:rsid w:val="005641AD"/>
    <w:rsid w:val="005656D0"/>
    <w:rsid w:val="00566396"/>
    <w:rsid w:val="00566B36"/>
    <w:rsid w:val="005672BF"/>
    <w:rsid w:val="0056730D"/>
    <w:rsid w:val="00571122"/>
    <w:rsid w:val="005718A5"/>
    <w:rsid w:val="00572927"/>
    <w:rsid w:val="00573F4B"/>
    <w:rsid w:val="00574672"/>
    <w:rsid w:val="00575A0E"/>
    <w:rsid w:val="00577B0A"/>
    <w:rsid w:val="00577C97"/>
    <w:rsid w:val="005812E8"/>
    <w:rsid w:val="005813AA"/>
    <w:rsid w:val="00581E00"/>
    <w:rsid w:val="00581E45"/>
    <w:rsid w:val="00581EA9"/>
    <w:rsid w:val="00584B63"/>
    <w:rsid w:val="00585BD2"/>
    <w:rsid w:val="00585FD1"/>
    <w:rsid w:val="0058629A"/>
    <w:rsid w:val="00587443"/>
    <w:rsid w:val="005907EF"/>
    <w:rsid w:val="00590C86"/>
    <w:rsid w:val="00592BAA"/>
    <w:rsid w:val="0059385F"/>
    <w:rsid w:val="00594907"/>
    <w:rsid w:val="005968E1"/>
    <w:rsid w:val="00597257"/>
    <w:rsid w:val="00597674"/>
    <w:rsid w:val="00597F1F"/>
    <w:rsid w:val="005A03A0"/>
    <w:rsid w:val="005A3D34"/>
    <w:rsid w:val="005A5195"/>
    <w:rsid w:val="005B1C78"/>
    <w:rsid w:val="005B1FB0"/>
    <w:rsid w:val="005B3874"/>
    <w:rsid w:val="005B5FE1"/>
    <w:rsid w:val="005B66BC"/>
    <w:rsid w:val="005B7212"/>
    <w:rsid w:val="005C027D"/>
    <w:rsid w:val="005C1A73"/>
    <w:rsid w:val="005C1AA0"/>
    <w:rsid w:val="005C2DB0"/>
    <w:rsid w:val="005C336A"/>
    <w:rsid w:val="005C5AE3"/>
    <w:rsid w:val="005C6A5C"/>
    <w:rsid w:val="005D100C"/>
    <w:rsid w:val="005D22C6"/>
    <w:rsid w:val="005D24FB"/>
    <w:rsid w:val="005D2587"/>
    <w:rsid w:val="005D40B1"/>
    <w:rsid w:val="005D4A42"/>
    <w:rsid w:val="005D4BA0"/>
    <w:rsid w:val="005D4C91"/>
    <w:rsid w:val="005D545B"/>
    <w:rsid w:val="005D769D"/>
    <w:rsid w:val="005D7E2E"/>
    <w:rsid w:val="005E0830"/>
    <w:rsid w:val="005E10E1"/>
    <w:rsid w:val="005E1666"/>
    <w:rsid w:val="005E1DA7"/>
    <w:rsid w:val="005E2C0E"/>
    <w:rsid w:val="005E2D80"/>
    <w:rsid w:val="005E4BB6"/>
    <w:rsid w:val="005E50A0"/>
    <w:rsid w:val="005E7EE3"/>
    <w:rsid w:val="005F08C1"/>
    <w:rsid w:val="005F11B5"/>
    <w:rsid w:val="005F1581"/>
    <w:rsid w:val="005F1759"/>
    <w:rsid w:val="005F1E37"/>
    <w:rsid w:val="005F2F88"/>
    <w:rsid w:val="005F3901"/>
    <w:rsid w:val="005F5845"/>
    <w:rsid w:val="005F602C"/>
    <w:rsid w:val="005F72B4"/>
    <w:rsid w:val="005F79A6"/>
    <w:rsid w:val="0060086F"/>
    <w:rsid w:val="00603ABC"/>
    <w:rsid w:val="00603EC2"/>
    <w:rsid w:val="006062CD"/>
    <w:rsid w:val="00606C29"/>
    <w:rsid w:val="00607F75"/>
    <w:rsid w:val="00610F59"/>
    <w:rsid w:val="006118AF"/>
    <w:rsid w:val="00611E5F"/>
    <w:rsid w:val="006121A3"/>
    <w:rsid w:val="0061297C"/>
    <w:rsid w:val="00612F01"/>
    <w:rsid w:val="00616C59"/>
    <w:rsid w:val="00616EA2"/>
    <w:rsid w:val="00616EAD"/>
    <w:rsid w:val="00617333"/>
    <w:rsid w:val="006204F0"/>
    <w:rsid w:val="00621F9E"/>
    <w:rsid w:val="006229BE"/>
    <w:rsid w:val="00622BA0"/>
    <w:rsid w:val="0062304F"/>
    <w:rsid w:val="00623C75"/>
    <w:rsid w:val="006241EE"/>
    <w:rsid w:val="0062454D"/>
    <w:rsid w:val="00624570"/>
    <w:rsid w:val="0062537A"/>
    <w:rsid w:val="00627D65"/>
    <w:rsid w:val="00630AED"/>
    <w:rsid w:val="00630FC2"/>
    <w:rsid w:val="00631352"/>
    <w:rsid w:val="0063139A"/>
    <w:rsid w:val="00635F74"/>
    <w:rsid w:val="006365F1"/>
    <w:rsid w:val="006403E4"/>
    <w:rsid w:val="0064063A"/>
    <w:rsid w:val="0064268B"/>
    <w:rsid w:val="006437C9"/>
    <w:rsid w:val="006452B2"/>
    <w:rsid w:val="0064685D"/>
    <w:rsid w:val="00647796"/>
    <w:rsid w:val="00650396"/>
    <w:rsid w:val="00650E53"/>
    <w:rsid w:val="0065248C"/>
    <w:rsid w:val="00656452"/>
    <w:rsid w:val="00662603"/>
    <w:rsid w:val="006653C3"/>
    <w:rsid w:val="0066575D"/>
    <w:rsid w:val="00665D51"/>
    <w:rsid w:val="0066772A"/>
    <w:rsid w:val="00674532"/>
    <w:rsid w:val="00677C0E"/>
    <w:rsid w:val="00683048"/>
    <w:rsid w:val="00683A49"/>
    <w:rsid w:val="00684139"/>
    <w:rsid w:val="0068589F"/>
    <w:rsid w:val="006865EB"/>
    <w:rsid w:val="006937F0"/>
    <w:rsid w:val="00693B8F"/>
    <w:rsid w:val="0069458A"/>
    <w:rsid w:val="00695D8E"/>
    <w:rsid w:val="00697E7A"/>
    <w:rsid w:val="00697F93"/>
    <w:rsid w:val="006A02B5"/>
    <w:rsid w:val="006A1D48"/>
    <w:rsid w:val="006A22C5"/>
    <w:rsid w:val="006A26C6"/>
    <w:rsid w:val="006A2A32"/>
    <w:rsid w:val="006A2D28"/>
    <w:rsid w:val="006A460F"/>
    <w:rsid w:val="006A621A"/>
    <w:rsid w:val="006B068A"/>
    <w:rsid w:val="006B0A27"/>
    <w:rsid w:val="006B170A"/>
    <w:rsid w:val="006B1B7F"/>
    <w:rsid w:val="006B20A3"/>
    <w:rsid w:val="006B676D"/>
    <w:rsid w:val="006B7FA7"/>
    <w:rsid w:val="006C026C"/>
    <w:rsid w:val="006C1876"/>
    <w:rsid w:val="006C2010"/>
    <w:rsid w:val="006C2028"/>
    <w:rsid w:val="006C4D1D"/>
    <w:rsid w:val="006C693E"/>
    <w:rsid w:val="006C6A45"/>
    <w:rsid w:val="006C747C"/>
    <w:rsid w:val="006D16E4"/>
    <w:rsid w:val="006D1981"/>
    <w:rsid w:val="006D1A88"/>
    <w:rsid w:val="006D1C6D"/>
    <w:rsid w:val="006D1CA6"/>
    <w:rsid w:val="006D3DD3"/>
    <w:rsid w:val="006D415F"/>
    <w:rsid w:val="006D427D"/>
    <w:rsid w:val="006D52B1"/>
    <w:rsid w:val="006D556E"/>
    <w:rsid w:val="006E0C7F"/>
    <w:rsid w:val="006E14D5"/>
    <w:rsid w:val="006E19E6"/>
    <w:rsid w:val="006E2822"/>
    <w:rsid w:val="006E535D"/>
    <w:rsid w:val="006E6A4C"/>
    <w:rsid w:val="006E75FE"/>
    <w:rsid w:val="006E7AB6"/>
    <w:rsid w:val="006F0D39"/>
    <w:rsid w:val="006F2C21"/>
    <w:rsid w:val="006F4615"/>
    <w:rsid w:val="006F57B4"/>
    <w:rsid w:val="006F7305"/>
    <w:rsid w:val="006F7936"/>
    <w:rsid w:val="007007DD"/>
    <w:rsid w:val="00700B0E"/>
    <w:rsid w:val="00702062"/>
    <w:rsid w:val="007025C5"/>
    <w:rsid w:val="00703150"/>
    <w:rsid w:val="0070366A"/>
    <w:rsid w:val="007040C7"/>
    <w:rsid w:val="00706734"/>
    <w:rsid w:val="00707A23"/>
    <w:rsid w:val="00707E87"/>
    <w:rsid w:val="00714DCA"/>
    <w:rsid w:val="00715EED"/>
    <w:rsid w:val="007162E1"/>
    <w:rsid w:val="007206F8"/>
    <w:rsid w:val="00720893"/>
    <w:rsid w:val="00724558"/>
    <w:rsid w:val="00724DD5"/>
    <w:rsid w:val="00726010"/>
    <w:rsid w:val="0072651A"/>
    <w:rsid w:val="00726A76"/>
    <w:rsid w:val="00730A8D"/>
    <w:rsid w:val="00730F8D"/>
    <w:rsid w:val="007323AF"/>
    <w:rsid w:val="00732589"/>
    <w:rsid w:val="00732E58"/>
    <w:rsid w:val="007330C9"/>
    <w:rsid w:val="007336E8"/>
    <w:rsid w:val="00733F7D"/>
    <w:rsid w:val="0073576A"/>
    <w:rsid w:val="00736EF9"/>
    <w:rsid w:val="007454E2"/>
    <w:rsid w:val="007457CC"/>
    <w:rsid w:val="00746959"/>
    <w:rsid w:val="00747A8D"/>
    <w:rsid w:val="00750275"/>
    <w:rsid w:val="00750503"/>
    <w:rsid w:val="00750A1F"/>
    <w:rsid w:val="00752DD5"/>
    <w:rsid w:val="00754A2C"/>
    <w:rsid w:val="00754DAF"/>
    <w:rsid w:val="00756CE1"/>
    <w:rsid w:val="00757665"/>
    <w:rsid w:val="00757C33"/>
    <w:rsid w:val="00757C95"/>
    <w:rsid w:val="00757E5F"/>
    <w:rsid w:val="00760BB8"/>
    <w:rsid w:val="00760F1A"/>
    <w:rsid w:val="00761181"/>
    <w:rsid w:val="00761EA1"/>
    <w:rsid w:val="00762B61"/>
    <w:rsid w:val="00764C80"/>
    <w:rsid w:val="007650FE"/>
    <w:rsid w:val="007659AC"/>
    <w:rsid w:val="00765EF7"/>
    <w:rsid w:val="00766E1E"/>
    <w:rsid w:val="00770012"/>
    <w:rsid w:val="00770D46"/>
    <w:rsid w:val="00771998"/>
    <w:rsid w:val="00772B0F"/>
    <w:rsid w:val="0077445D"/>
    <w:rsid w:val="0077524C"/>
    <w:rsid w:val="007761EC"/>
    <w:rsid w:val="00776310"/>
    <w:rsid w:val="00776989"/>
    <w:rsid w:val="00776EC8"/>
    <w:rsid w:val="007772DE"/>
    <w:rsid w:val="00780496"/>
    <w:rsid w:val="00781A15"/>
    <w:rsid w:val="00783588"/>
    <w:rsid w:val="00783A04"/>
    <w:rsid w:val="007842B0"/>
    <w:rsid w:val="007850DB"/>
    <w:rsid w:val="00785DF2"/>
    <w:rsid w:val="007860B8"/>
    <w:rsid w:val="00786519"/>
    <w:rsid w:val="00786F46"/>
    <w:rsid w:val="0078748F"/>
    <w:rsid w:val="0079092C"/>
    <w:rsid w:val="00790D8D"/>
    <w:rsid w:val="00791969"/>
    <w:rsid w:val="00791A33"/>
    <w:rsid w:val="00791F27"/>
    <w:rsid w:val="00792BB9"/>
    <w:rsid w:val="00793591"/>
    <w:rsid w:val="00793CBA"/>
    <w:rsid w:val="00793FD6"/>
    <w:rsid w:val="0079440A"/>
    <w:rsid w:val="007945A9"/>
    <w:rsid w:val="00796BCB"/>
    <w:rsid w:val="0079772A"/>
    <w:rsid w:val="007A1E30"/>
    <w:rsid w:val="007A2091"/>
    <w:rsid w:val="007A20D3"/>
    <w:rsid w:val="007A3942"/>
    <w:rsid w:val="007A4582"/>
    <w:rsid w:val="007A4D25"/>
    <w:rsid w:val="007A4E88"/>
    <w:rsid w:val="007A4FD0"/>
    <w:rsid w:val="007A74BE"/>
    <w:rsid w:val="007B0108"/>
    <w:rsid w:val="007B2705"/>
    <w:rsid w:val="007B2721"/>
    <w:rsid w:val="007B3125"/>
    <w:rsid w:val="007B4C82"/>
    <w:rsid w:val="007B54F0"/>
    <w:rsid w:val="007B7911"/>
    <w:rsid w:val="007C14C5"/>
    <w:rsid w:val="007C1944"/>
    <w:rsid w:val="007C3B2C"/>
    <w:rsid w:val="007C79A4"/>
    <w:rsid w:val="007D4AE0"/>
    <w:rsid w:val="007D6ECB"/>
    <w:rsid w:val="007D7499"/>
    <w:rsid w:val="007E0DA7"/>
    <w:rsid w:val="007E23FB"/>
    <w:rsid w:val="007E2BD8"/>
    <w:rsid w:val="007E304D"/>
    <w:rsid w:val="007E55B4"/>
    <w:rsid w:val="007E5CC2"/>
    <w:rsid w:val="007E6569"/>
    <w:rsid w:val="007F13D0"/>
    <w:rsid w:val="007F1960"/>
    <w:rsid w:val="007F257C"/>
    <w:rsid w:val="007F356A"/>
    <w:rsid w:val="007F66FE"/>
    <w:rsid w:val="007F6CA7"/>
    <w:rsid w:val="007F7122"/>
    <w:rsid w:val="007F7378"/>
    <w:rsid w:val="008014BC"/>
    <w:rsid w:val="00802719"/>
    <w:rsid w:val="0080322A"/>
    <w:rsid w:val="008033A6"/>
    <w:rsid w:val="008035D0"/>
    <w:rsid w:val="0080393C"/>
    <w:rsid w:val="008044B4"/>
    <w:rsid w:val="00804DA2"/>
    <w:rsid w:val="00805074"/>
    <w:rsid w:val="008053FA"/>
    <w:rsid w:val="00806E77"/>
    <w:rsid w:val="00806FAE"/>
    <w:rsid w:val="008077B7"/>
    <w:rsid w:val="008106B4"/>
    <w:rsid w:val="00810A1E"/>
    <w:rsid w:val="008119E7"/>
    <w:rsid w:val="00812695"/>
    <w:rsid w:val="0081292D"/>
    <w:rsid w:val="008135F1"/>
    <w:rsid w:val="0081422B"/>
    <w:rsid w:val="0081499D"/>
    <w:rsid w:val="00814CB6"/>
    <w:rsid w:val="008151D1"/>
    <w:rsid w:val="00815868"/>
    <w:rsid w:val="00815DAA"/>
    <w:rsid w:val="00816919"/>
    <w:rsid w:val="0081752A"/>
    <w:rsid w:val="00817A84"/>
    <w:rsid w:val="00817B94"/>
    <w:rsid w:val="008208FA"/>
    <w:rsid w:val="00822C28"/>
    <w:rsid w:val="0082344E"/>
    <w:rsid w:val="0082361D"/>
    <w:rsid w:val="00823DA4"/>
    <w:rsid w:val="00823EFE"/>
    <w:rsid w:val="00824C14"/>
    <w:rsid w:val="00824C94"/>
    <w:rsid w:val="008255B3"/>
    <w:rsid w:val="00826173"/>
    <w:rsid w:val="008271AC"/>
    <w:rsid w:val="00827A57"/>
    <w:rsid w:val="00830728"/>
    <w:rsid w:val="00830E93"/>
    <w:rsid w:val="00833866"/>
    <w:rsid w:val="00835B8E"/>
    <w:rsid w:val="0083755C"/>
    <w:rsid w:val="0083764F"/>
    <w:rsid w:val="00840E1B"/>
    <w:rsid w:val="00841455"/>
    <w:rsid w:val="008414AE"/>
    <w:rsid w:val="00843654"/>
    <w:rsid w:val="00844442"/>
    <w:rsid w:val="008445A2"/>
    <w:rsid w:val="0084475A"/>
    <w:rsid w:val="0085095A"/>
    <w:rsid w:val="00850F7A"/>
    <w:rsid w:val="00851A2C"/>
    <w:rsid w:val="00852B94"/>
    <w:rsid w:val="00852DB5"/>
    <w:rsid w:val="00854E34"/>
    <w:rsid w:val="00854FB4"/>
    <w:rsid w:val="00856614"/>
    <w:rsid w:val="008572CF"/>
    <w:rsid w:val="008602F7"/>
    <w:rsid w:val="008624B1"/>
    <w:rsid w:val="00862633"/>
    <w:rsid w:val="00865DFF"/>
    <w:rsid w:val="00865E83"/>
    <w:rsid w:val="00866A38"/>
    <w:rsid w:val="008729CF"/>
    <w:rsid w:val="00872E8E"/>
    <w:rsid w:val="008730AF"/>
    <w:rsid w:val="008736E0"/>
    <w:rsid w:val="0087426D"/>
    <w:rsid w:val="008747FB"/>
    <w:rsid w:val="00876572"/>
    <w:rsid w:val="008801CE"/>
    <w:rsid w:val="008831FC"/>
    <w:rsid w:val="008837E2"/>
    <w:rsid w:val="00884628"/>
    <w:rsid w:val="00884AC3"/>
    <w:rsid w:val="008867CC"/>
    <w:rsid w:val="00886CA2"/>
    <w:rsid w:val="00887E7C"/>
    <w:rsid w:val="008900AC"/>
    <w:rsid w:val="0089034E"/>
    <w:rsid w:val="0089057F"/>
    <w:rsid w:val="00890627"/>
    <w:rsid w:val="00890B47"/>
    <w:rsid w:val="00890C52"/>
    <w:rsid w:val="00890D7F"/>
    <w:rsid w:val="00892DE7"/>
    <w:rsid w:val="008959F3"/>
    <w:rsid w:val="00897A10"/>
    <w:rsid w:val="008A0FDD"/>
    <w:rsid w:val="008A12C8"/>
    <w:rsid w:val="008A1A13"/>
    <w:rsid w:val="008A1C61"/>
    <w:rsid w:val="008A2C9E"/>
    <w:rsid w:val="008A335D"/>
    <w:rsid w:val="008A34DE"/>
    <w:rsid w:val="008A3FF0"/>
    <w:rsid w:val="008A5148"/>
    <w:rsid w:val="008A539C"/>
    <w:rsid w:val="008A6B49"/>
    <w:rsid w:val="008A7141"/>
    <w:rsid w:val="008A7181"/>
    <w:rsid w:val="008B05F4"/>
    <w:rsid w:val="008B0C6E"/>
    <w:rsid w:val="008B1F8B"/>
    <w:rsid w:val="008B27DA"/>
    <w:rsid w:val="008B2BC4"/>
    <w:rsid w:val="008B3639"/>
    <w:rsid w:val="008B3F3E"/>
    <w:rsid w:val="008B40D3"/>
    <w:rsid w:val="008B4E37"/>
    <w:rsid w:val="008B5E24"/>
    <w:rsid w:val="008C0168"/>
    <w:rsid w:val="008C14C7"/>
    <w:rsid w:val="008C226A"/>
    <w:rsid w:val="008C6672"/>
    <w:rsid w:val="008C6689"/>
    <w:rsid w:val="008C668E"/>
    <w:rsid w:val="008C6788"/>
    <w:rsid w:val="008C6DE9"/>
    <w:rsid w:val="008D0A67"/>
    <w:rsid w:val="008D21B2"/>
    <w:rsid w:val="008D2451"/>
    <w:rsid w:val="008D3E4B"/>
    <w:rsid w:val="008D4200"/>
    <w:rsid w:val="008D4389"/>
    <w:rsid w:val="008E14F7"/>
    <w:rsid w:val="008E1699"/>
    <w:rsid w:val="008E3571"/>
    <w:rsid w:val="008E3EEE"/>
    <w:rsid w:val="008E3F7D"/>
    <w:rsid w:val="008E557C"/>
    <w:rsid w:val="008E79EB"/>
    <w:rsid w:val="008F06DB"/>
    <w:rsid w:val="008F3DFF"/>
    <w:rsid w:val="008F3FFD"/>
    <w:rsid w:val="008F4F9C"/>
    <w:rsid w:val="008F50A3"/>
    <w:rsid w:val="008F5A2C"/>
    <w:rsid w:val="008F642B"/>
    <w:rsid w:val="009021A5"/>
    <w:rsid w:val="00905CA9"/>
    <w:rsid w:val="00905DE1"/>
    <w:rsid w:val="00906B16"/>
    <w:rsid w:val="00910906"/>
    <w:rsid w:val="009125EF"/>
    <w:rsid w:val="00913CE2"/>
    <w:rsid w:val="00913ED8"/>
    <w:rsid w:val="0091467C"/>
    <w:rsid w:val="0091535D"/>
    <w:rsid w:val="0091539F"/>
    <w:rsid w:val="00920A85"/>
    <w:rsid w:val="009264B5"/>
    <w:rsid w:val="00926511"/>
    <w:rsid w:val="00927181"/>
    <w:rsid w:val="009277F2"/>
    <w:rsid w:val="009306E2"/>
    <w:rsid w:val="00930CC3"/>
    <w:rsid w:val="00931452"/>
    <w:rsid w:val="00932536"/>
    <w:rsid w:val="0093257F"/>
    <w:rsid w:val="00934556"/>
    <w:rsid w:val="00934D36"/>
    <w:rsid w:val="00935D97"/>
    <w:rsid w:val="00935ED1"/>
    <w:rsid w:val="0094056B"/>
    <w:rsid w:val="00940843"/>
    <w:rsid w:val="00940FF7"/>
    <w:rsid w:val="0094205B"/>
    <w:rsid w:val="00943807"/>
    <w:rsid w:val="009447C5"/>
    <w:rsid w:val="00945466"/>
    <w:rsid w:val="00947673"/>
    <w:rsid w:val="00947D71"/>
    <w:rsid w:val="00947FAC"/>
    <w:rsid w:val="00950974"/>
    <w:rsid w:val="009517B6"/>
    <w:rsid w:val="009540E8"/>
    <w:rsid w:val="009548E8"/>
    <w:rsid w:val="00954D5D"/>
    <w:rsid w:val="0095616A"/>
    <w:rsid w:val="00960CA9"/>
    <w:rsid w:val="00963E2E"/>
    <w:rsid w:val="00966B64"/>
    <w:rsid w:val="00966E46"/>
    <w:rsid w:val="0097119B"/>
    <w:rsid w:val="0097205B"/>
    <w:rsid w:val="00972F17"/>
    <w:rsid w:val="009759FD"/>
    <w:rsid w:val="00975CBF"/>
    <w:rsid w:val="00980F9D"/>
    <w:rsid w:val="00981414"/>
    <w:rsid w:val="00983BFD"/>
    <w:rsid w:val="00984945"/>
    <w:rsid w:val="00985F34"/>
    <w:rsid w:val="0099037D"/>
    <w:rsid w:val="009907C8"/>
    <w:rsid w:val="00991E73"/>
    <w:rsid w:val="0099256E"/>
    <w:rsid w:val="00992692"/>
    <w:rsid w:val="00992C6A"/>
    <w:rsid w:val="0099395D"/>
    <w:rsid w:val="00993ACA"/>
    <w:rsid w:val="00993E98"/>
    <w:rsid w:val="00993F7F"/>
    <w:rsid w:val="00995AC8"/>
    <w:rsid w:val="00995D67"/>
    <w:rsid w:val="0099728C"/>
    <w:rsid w:val="00997FBF"/>
    <w:rsid w:val="00997FC7"/>
    <w:rsid w:val="009A0250"/>
    <w:rsid w:val="009A1EE7"/>
    <w:rsid w:val="009A1F0B"/>
    <w:rsid w:val="009A426D"/>
    <w:rsid w:val="009A4535"/>
    <w:rsid w:val="009A4EE5"/>
    <w:rsid w:val="009A50B2"/>
    <w:rsid w:val="009A6BB3"/>
    <w:rsid w:val="009A7563"/>
    <w:rsid w:val="009A7AF6"/>
    <w:rsid w:val="009B0383"/>
    <w:rsid w:val="009B1D01"/>
    <w:rsid w:val="009B277F"/>
    <w:rsid w:val="009B4E9A"/>
    <w:rsid w:val="009B5FC0"/>
    <w:rsid w:val="009B67E7"/>
    <w:rsid w:val="009C21E0"/>
    <w:rsid w:val="009C58FF"/>
    <w:rsid w:val="009C7399"/>
    <w:rsid w:val="009D223F"/>
    <w:rsid w:val="009D4315"/>
    <w:rsid w:val="009D52F3"/>
    <w:rsid w:val="009D5ACE"/>
    <w:rsid w:val="009D7335"/>
    <w:rsid w:val="009E3262"/>
    <w:rsid w:val="009E44B7"/>
    <w:rsid w:val="009E55FD"/>
    <w:rsid w:val="009E573D"/>
    <w:rsid w:val="009E72A6"/>
    <w:rsid w:val="009F14F7"/>
    <w:rsid w:val="009F15EB"/>
    <w:rsid w:val="009F1888"/>
    <w:rsid w:val="009F4C6C"/>
    <w:rsid w:val="009F547E"/>
    <w:rsid w:val="009F6029"/>
    <w:rsid w:val="009F6260"/>
    <w:rsid w:val="009F7DDE"/>
    <w:rsid w:val="00A009AF"/>
    <w:rsid w:val="00A00E34"/>
    <w:rsid w:val="00A012CE"/>
    <w:rsid w:val="00A01F64"/>
    <w:rsid w:val="00A02D6C"/>
    <w:rsid w:val="00A03A7C"/>
    <w:rsid w:val="00A03AA0"/>
    <w:rsid w:val="00A053CB"/>
    <w:rsid w:val="00A06E82"/>
    <w:rsid w:val="00A073BC"/>
    <w:rsid w:val="00A101C8"/>
    <w:rsid w:val="00A10F0B"/>
    <w:rsid w:val="00A12250"/>
    <w:rsid w:val="00A12D79"/>
    <w:rsid w:val="00A13234"/>
    <w:rsid w:val="00A168FE"/>
    <w:rsid w:val="00A1714E"/>
    <w:rsid w:val="00A17C5B"/>
    <w:rsid w:val="00A201FC"/>
    <w:rsid w:val="00A208D0"/>
    <w:rsid w:val="00A20F8E"/>
    <w:rsid w:val="00A21063"/>
    <w:rsid w:val="00A23DC8"/>
    <w:rsid w:val="00A24428"/>
    <w:rsid w:val="00A245B1"/>
    <w:rsid w:val="00A24BC8"/>
    <w:rsid w:val="00A252AD"/>
    <w:rsid w:val="00A26057"/>
    <w:rsid w:val="00A26DFB"/>
    <w:rsid w:val="00A300B9"/>
    <w:rsid w:val="00A30E9F"/>
    <w:rsid w:val="00A320D7"/>
    <w:rsid w:val="00A32239"/>
    <w:rsid w:val="00A32557"/>
    <w:rsid w:val="00A33131"/>
    <w:rsid w:val="00A34350"/>
    <w:rsid w:val="00A3483F"/>
    <w:rsid w:val="00A403C1"/>
    <w:rsid w:val="00A403D9"/>
    <w:rsid w:val="00A434AB"/>
    <w:rsid w:val="00A436A1"/>
    <w:rsid w:val="00A444CA"/>
    <w:rsid w:val="00A50196"/>
    <w:rsid w:val="00A505ED"/>
    <w:rsid w:val="00A50BBD"/>
    <w:rsid w:val="00A52701"/>
    <w:rsid w:val="00A545B1"/>
    <w:rsid w:val="00A625F0"/>
    <w:rsid w:val="00A65A81"/>
    <w:rsid w:val="00A668D4"/>
    <w:rsid w:val="00A66A51"/>
    <w:rsid w:val="00A709AF"/>
    <w:rsid w:val="00A71217"/>
    <w:rsid w:val="00A718AD"/>
    <w:rsid w:val="00A729F2"/>
    <w:rsid w:val="00A73AF6"/>
    <w:rsid w:val="00A73D8E"/>
    <w:rsid w:val="00A74431"/>
    <w:rsid w:val="00A76B79"/>
    <w:rsid w:val="00A77017"/>
    <w:rsid w:val="00A77B5B"/>
    <w:rsid w:val="00A815E7"/>
    <w:rsid w:val="00A82A28"/>
    <w:rsid w:val="00A84B6D"/>
    <w:rsid w:val="00A8620F"/>
    <w:rsid w:val="00A863B8"/>
    <w:rsid w:val="00A868E7"/>
    <w:rsid w:val="00A904E1"/>
    <w:rsid w:val="00A909A8"/>
    <w:rsid w:val="00A909B3"/>
    <w:rsid w:val="00A91776"/>
    <w:rsid w:val="00A92483"/>
    <w:rsid w:val="00A93290"/>
    <w:rsid w:val="00A93847"/>
    <w:rsid w:val="00A94A18"/>
    <w:rsid w:val="00A9522D"/>
    <w:rsid w:val="00A95B4B"/>
    <w:rsid w:val="00A966C3"/>
    <w:rsid w:val="00A96BD6"/>
    <w:rsid w:val="00AA056B"/>
    <w:rsid w:val="00AA2480"/>
    <w:rsid w:val="00AA3C51"/>
    <w:rsid w:val="00AA5B59"/>
    <w:rsid w:val="00AA73F7"/>
    <w:rsid w:val="00AA7FCC"/>
    <w:rsid w:val="00AB22EE"/>
    <w:rsid w:val="00AB254B"/>
    <w:rsid w:val="00AB3CF3"/>
    <w:rsid w:val="00AB4558"/>
    <w:rsid w:val="00AB6655"/>
    <w:rsid w:val="00AB6B41"/>
    <w:rsid w:val="00AB6F19"/>
    <w:rsid w:val="00AC0137"/>
    <w:rsid w:val="00AC12E3"/>
    <w:rsid w:val="00AC2D95"/>
    <w:rsid w:val="00AC308B"/>
    <w:rsid w:val="00AC3C72"/>
    <w:rsid w:val="00AC3CDE"/>
    <w:rsid w:val="00AC47C6"/>
    <w:rsid w:val="00AC48B6"/>
    <w:rsid w:val="00AC546E"/>
    <w:rsid w:val="00AC6275"/>
    <w:rsid w:val="00AC649A"/>
    <w:rsid w:val="00AC66E2"/>
    <w:rsid w:val="00AD492B"/>
    <w:rsid w:val="00AD4B82"/>
    <w:rsid w:val="00AD655E"/>
    <w:rsid w:val="00AD656E"/>
    <w:rsid w:val="00AD7DBD"/>
    <w:rsid w:val="00AD7E02"/>
    <w:rsid w:val="00AE59F2"/>
    <w:rsid w:val="00AE60CA"/>
    <w:rsid w:val="00AE6129"/>
    <w:rsid w:val="00AE773F"/>
    <w:rsid w:val="00AF0D45"/>
    <w:rsid w:val="00AF2E44"/>
    <w:rsid w:val="00AF2E45"/>
    <w:rsid w:val="00AF2F3C"/>
    <w:rsid w:val="00AF4116"/>
    <w:rsid w:val="00AF5A48"/>
    <w:rsid w:val="00AF5D50"/>
    <w:rsid w:val="00AF78C6"/>
    <w:rsid w:val="00B00BC4"/>
    <w:rsid w:val="00B01157"/>
    <w:rsid w:val="00B0166F"/>
    <w:rsid w:val="00B016B1"/>
    <w:rsid w:val="00B02A72"/>
    <w:rsid w:val="00B03B63"/>
    <w:rsid w:val="00B04774"/>
    <w:rsid w:val="00B067A9"/>
    <w:rsid w:val="00B06FF6"/>
    <w:rsid w:val="00B072A1"/>
    <w:rsid w:val="00B0760E"/>
    <w:rsid w:val="00B07AEE"/>
    <w:rsid w:val="00B10014"/>
    <w:rsid w:val="00B12195"/>
    <w:rsid w:val="00B132C0"/>
    <w:rsid w:val="00B13D0D"/>
    <w:rsid w:val="00B155FF"/>
    <w:rsid w:val="00B163AE"/>
    <w:rsid w:val="00B17609"/>
    <w:rsid w:val="00B177E7"/>
    <w:rsid w:val="00B20B63"/>
    <w:rsid w:val="00B20CE0"/>
    <w:rsid w:val="00B20E94"/>
    <w:rsid w:val="00B2164B"/>
    <w:rsid w:val="00B2247C"/>
    <w:rsid w:val="00B22E54"/>
    <w:rsid w:val="00B2359A"/>
    <w:rsid w:val="00B23F02"/>
    <w:rsid w:val="00B25B32"/>
    <w:rsid w:val="00B25E16"/>
    <w:rsid w:val="00B262E4"/>
    <w:rsid w:val="00B27910"/>
    <w:rsid w:val="00B27ABB"/>
    <w:rsid w:val="00B27B00"/>
    <w:rsid w:val="00B30F8A"/>
    <w:rsid w:val="00B33A3D"/>
    <w:rsid w:val="00B33B43"/>
    <w:rsid w:val="00B35034"/>
    <w:rsid w:val="00B37AE9"/>
    <w:rsid w:val="00B37E72"/>
    <w:rsid w:val="00B40CF7"/>
    <w:rsid w:val="00B40DBA"/>
    <w:rsid w:val="00B42082"/>
    <w:rsid w:val="00B42D47"/>
    <w:rsid w:val="00B44AB6"/>
    <w:rsid w:val="00B453AD"/>
    <w:rsid w:val="00B45BFC"/>
    <w:rsid w:val="00B468E1"/>
    <w:rsid w:val="00B50B7A"/>
    <w:rsid w:val="00B517D1"/>
    <w:rsid w:val="00B55636"/>
    <w:rsid w:val="00B56FDB"/>
    <w:rsid w:val="00B57154"/>
    <w:rsid w:val="00B57D15"/>
    <w:rsid w:val="00B60017"/>
    <w:rsid w:val="00B61A6F"/>
    <w:rsid w:val="00B6327F"/>
    <w:rsid w:val="00B6398C"/>
    <w:rsid w:val="00B64F05"/>
    <w:rsid w:val="00B67804"/>
    <w:rsid w:val="00B718F8"/>
    <w:rsid w:val="00B72DB8"/>
    <w:rsid w:val="00B74FA6"/>
    <w:rsid w:val="00B752EE"/>
    <w:rsid w:val="00B804A0"/>
    <w:rsid w:val="00B80EDC"/>
    <w:rsid w:val="00B82106"/>
    <w:rsid w:val="00B83320"/>
    <w:rsid w:val="00B8337C"/>
    <w:rsid w:val="00B83DC9"/>
    <w:rsid w:val="00B840C3"/>
    <w:rsid w:val="00B84234"/>
    <w:rsid w:val="00B851C1"/>
    <w:rsid w:val="00B857FC"/>
    <w:rsid w:val="00B85D1D"/>
    <w:rsid w:val="00B86361"/>
    <w:rsid w:val="00B8756D"/>
    <w:rsid w:val="00B90167"/>
    <w:rsid w:val="00B90798"/>
    <w:rsid w:val="00B90B1C"/>
    <w:rsid w:val="00B90F63"/>
    <w:rsid w:val="00B92B90"/>
    <w:rsid w:val="00B92F2B"/>
    <w:rsid w:val="00B95E63"/>
    <w:rsid w:val="00B9660C"/>
    <w:rsid w:val="00B9779A"/>
    <w:rsid w:val="00BA6492"/>
    <w:rsid w:val="00BA74FF"/>
    <w:rsid w:val="00BB2B58"/>
    <w:rsid w:val="00BB5E49"/>
    <w:rsid w:val="00BB6184"/>
    <w:rsid w:val="00BB6901"/>
    <w:rsid w:val="00BB797E"/>
    <w:rsid w:val="00BB7FDF"/>
    <w:rsid w:val="00BC1826"/>
    <w:rsid w:val="00BC2088"/>
    <w:rsid w:val="00BC22F4"/>
    <w:rsid w:val="00BC2F54"/>
    <w:rsid w:val="00BC4369"/>
    <w:rsid w:val="00BC4814"/>
    <w:rsid w:val="00BC4994"/>
    <w:rsid w:val="00BC5185"/>
    <w:rsid w:val="00BC632A"/>
    <w:rsid w:val="00BC762A"/>
    <w:rsid w:val="00BC764F"/>
    <w:rsid w:val="00BD050A"/>
    <w:rsid w:val="00BD0D4A"/>
    <w:rsid w:val="00BD1A0E"/>
    <w:rsid w:val="00BD26B2"/>
    <w:rsid w:val="00BD3951"/>
    <w:rsid w:val="00BD3B69"/>
    <w:rsid w:val="00BD4FD2"/>
    <w:rsid w:val="00BD7F1A"/>
    <w:rsid w:val="00BE640C"/>
    <w:rsid w:val="00BE6EF8"/>
    <w:rsid w:val="00BF02AD"/>
    <w:rsid w:val="00BF0802"/>
    <w:rsid w:val="00BF098E"/>
    <w:rsid w:val="00BF1313"/>
    <w:rsid w:val="00BF2711"/>
    <w:rsid w:val="00BF3781"/>
    <w:rsid w:val="00BF455A"/>
    <w:rsid w:val="00BF51E6"/>
    <w:rsid w:val="00C033E4"/>
    <w:rsid w:val="00C04B72"/>
    <w:rsid w:val="00C0640D"/>
    <w:rsid w:val="00C074D8"/>
    <w:rsid w:val="00C10932"/>
    <w:rsid w:val="00C10992"/>
    <w:rsid w:val="00C10A83"/>
    <w:rsid w:val="00C11675"/>
    <w:rsid w:val="00C12AD5"/>
    <w:rsid w:val="00C13D2F"/>
    <w:rsid w:val="00C143E7"/>
    <w:rsid w:val="00C144BC"/>
    <w:rsid w:val="00C153BA"/>
    <w:rsid w:val="00C15F58"/>
    <w:rsid w:val="00C16E9E"/>
    <w:rsid w:val="00C206C8"/>
    <w:rsid w:val="00C21A6A"/>
    <w:rsid w:val="00C21AFD"/>
    <w:rsid w:val="00C21C55"/>
    <w:rsid w:val="00C21ED6"/>
    <w:rsid w:val="00C2528E"/>
    <w:rsid w:val="00C254E4"/>
    <w:rsid w:val="00C27B56"/>
    <w:rsid w:val="00C27CCE"/>
    <w:rsid w:val="00C30BFE"/>
    <w:rsid w:val="00C31177"/>
    <w:rsid w:val="00C31C41"/>
    <w:rsid w:val="00C32762"/>
    <w:rsid w:val="00C35A16"/>
    <w:rsid w:val="00C367AC"/>
    <w:rsid w:val="00C36DF5"/>
    <w:rsid w:val="00C40BD5"/>
    <w:rsid w:val="00C4235E"/>
    <w:rsid w:val="00C429FA"/>
    <w:rsid w:val="00C436E8"/>
    <w:rsid w:val="00C44577"/>
    <w:rsid w:val="00C44BAB"/>
    <w:rsid w:val="00C46396"/>
    <w:rsid w:val="00C46F49"/>
    <w:rsid w:val="00C47835"/>
    <w:rsid w:val="00C501C6"/>
    <w:rsid w:val="00C516F4"/>
    <w:rsid w:val="00C52769"/>
    <w:rsid w:val="00C53578"/>
    <w:rsid w:val="00C559E0"/>
    <w:rsid w:val="00C55A4E"/>
    <w:rsid w:val="00C55ED4"/>
    <w:rsid w:val="00C5707D"/>
    <w:rsid w:val="00C60043"/>
    <w:rsid w:val="00C631AC"/>
    <w:rsid w:val="00C64BEA"/>
    <w:rsid w:val="00C65033"/>
    <w:rsid w:val="00C65861"/>
    <w:rsid w:val="00C65BD2"/>
    <w:rsid w:val="00C71B15"/>
    <w:rsid w:val="00C71E4E"/>
    <w:rsid w:val="00C750B5"/>
    <w:rsid w:val="00C7641C"/>
    <w:rsid w:val="00C77A0C"/>
    <w:rsid w:val="00C82029"/>
    <w:rsid w:val="00C82500"/>
    <w:rsid w:val="00C840AD"/>
    <w:rsid w:val="00C84179"/>
    <w:rsid w:val="00C85E19"/>
    <w:rsid w:val="00C86AE7"/>
    <w:rsid w:val="00C870C4"/>
    <w:rsid w:val="00C90231"/>
    <w:rsid w:val="00C904FA"/>
    <w:rsid w:val="00C90CB1"/>
    <w:rsid w:val="00C9105F"/>
    <w:rsid w:val="00C9158B"/>
    <w:rsid w:val="00C92251"/>
    <w:rsid w:val="00C928FA"/>
    <w:rsid w:val="00C9348A"/>
    <w:rsid w:val="00C93C36"/>
    <w:rsid w:val="00C93D19"/>
    <w:rsid w:val="00C9522E"/>
    <w:rsid w:val="00C9536B"/>
    <w:rsid w:val="00C973F9"/>
    <w:rsid w:val="00C97E21"/>
    <w:rsid w:val="00CA01A1"/>
    <w:rsid w:val="00CA1B3D"/>
    <w:rsid w:val="00CA4797"/>
    <w:rsid w:val="00CA610E"/>
    <w:rsid w:val="00CA6369"/>
    <w:rsid w:val="00CA6721"/>
    <w:rsid w:val="00CB2506"/>
    <w:rsid w:val="00CB25C4"/>
    <w:rsid w:val="00CB34FA"/>
    <w:rsid w:val="00CB61D9"/>
    <w:rsid w:val="00CC2648"/>
    <w:rsid w:val="00CC2FFF"/>
    <w:rsid w:val="00CC3514"/>
    <w:rsid w:val="00CC4292"/>
    <w:rsid w:val="00CC4AAC"/>
    <w:rsid w:val="00CC700D"/>
    <w:rsid w:val="00CC742C"/>
    <w:rsid w:val="00CD0C25"/>
    <w:rsid w:val="00CD314E"/>
    <w:rsid w:val="00CD6DB1"/>
    <w:rsid w:val="00CD6DF2"/>
    <w:rsid w:val="00CD6E8F"/>
    <w:rsid w:val="00CE178D"/>
    <w:rsid w:val="00CE30E8"/>
    <w:rsid w:val="00CE3C5F"/>
    <w:rsid w:val="00CE3F71"/>
    <w:rsid w:val="00CE63AC"/>
    <w:rsid w:val="00CE75C7"/>
    <w:rsid w:val="00CE7C03"/>
    <w:rsid w:val="00CF1D68"/>
    <w:rsid w:val="00CF26B7"/>
    <w:rsid w:val="00CF3C94"/>
    <w:rsid w:val="00CF44C3"/>
    <w:rsid w:val="00CF4828"/>
    <w:rsid w:val="00CF5558"/>
    <w:rsid w:val="00CF6CF7"/>
    <w:rsid w:val="00D00E98"/>
    <w:rsid w:val="00D00FD4"/>
    <w:rsid w:val="00D01041"/>
    <w:rsid w:val="00D02B77"/>
    <w:rsid w:val="00D03989"/>
    <w:rsid w:val="00D04AEF"/>
    <w:rsid w:val="00D06904"/>
    <w:rsid w:val="00D06D96"/>
    <w:rsid w:val="00D06E06"/>
    <w:rsid w:val="00D07AC2"/>
    <w:rsid w:val="00D11B6E"/>
    <w:rsid w:val="00D12249"/>
    <w:rsid w:val="00D12C3B"/>
    <w:rsid w:val="00D139BD"/>
    <w:rsid w:val="00D15863"/>
    <w:rsid w:val="00D15963"/>
    <w:rsid w:val="00D16D60"/>
    <w:rsid w:val="00D1725E"/>
    <w:rsid w:val="00D20ABD"/>
    <w:rsid w:val="00D21CAF"/>
    <w:rsid w:val="00D23562"/>
    <w:rsid w:val="00D24882"/>
    <w:rsid w:val="00D261BE"/>
    <w:rsid w:val="00D2715F"/>
    <w:rsid w:val="00D3113B"/>
    <w:rsid w:val="00D31BD5"/>
    <w:rsid w:val="00D33CE6"/>
    <w:rsid w:val="00D34781"/>
    <w:rsid w:val="00D358B6"/>
    <w:rsid w:val="00D36B99"/>
    <w:rsid w:val="00D401C7"/>
    <w:rsid w:val="00D41D2B"/>
    <w:rsid w:val="00D4316F"/>
    <w:rsid w:val="00D436C8"/>
    <w:rsid w:val="00D44156"/>
    <w:rsid w:val="00D459F8"/>
    <w:rsid w:val="00D45B4D"/>
    <w:rsid w:val="00D47225"/>
    <w:rsid w:val="00D50BB2"/>
    <w:rsid w:val="00D50EB5"/>
    <w:rsid w:val="00D51378"/>
    <w:rsid w:val="00D51B2A"/>
    <w:rsid w:val="00D527D7"/>
    <w:rsid w:val="00D5286B"/>
    <w:rsid w:val="00D54BFC"/>
    <w:rsid w:val="00D55100"/>
    <w:rsid w:val="00D57431"/>
    <w:rsid w:val="00D60352"/>
    <w:rsid w:val="00D609CB"/>
    <w:rsid w:val="00D60D46"/>
    <w:rsid w:val="00D62773"/>
    <w:rsid w:val="00D643CB"/>
    <w:rsid w:val="00D65BF5"/>
    <w:rsid w:val="00D6612B"/>
    <w:rsid w:val="00D66F55"/>
    <w:rsid w:val="00D710CA"/>
    <w:rsid w:val="00D711DA"/>
    <w:rsid w:val="00D71755"/>
    <w:rsid w:val="00D729B5"/>
    <w:rsid w:val="00D72CF5"/>
    <w:rsid w:val="00D7463E"/>
    <w:rsid w:val="00D75678"/>
    <w:rsid w:val="00D7654F"/>
    <w:rsid w:val="00D77016"/>
    <w:rsid w:val="00D77F27"/>
    <w:rsid w:val="00D801A8"/>
    <w:rsid w:val="00D81F28"/>
    <w:rsid w:val="00D84856"/>
    <w:rsid w:val="00D84EAC"/>
    <w:rsid w:val="00D85145"/>
    <w:rsid w:val="00D867E5"/>
    <w:rsid w:val="00D86CEC"/>
    <w:rsid w:val="00D87855"/>
    <w:rsid w:val="00D87FA8"/>
    <w:rsid w:val="00D90506"/>
    <w:rsid w:val="00D906F3"/>
    <w:rsid w:val="00D90F3D"/>
    <w:rsid w:val="00D9325C"/>
    <w:rsid w:val="00D959D9"/>
    <w:rsid w:val="00D97564"/>
    <w:rsid w:val="00D97D85"/>
    <w:rsid w:val="00DA17A8"/>
    <w:rsid w:val="00DA19AE"/>
    <w:rsid w:val="00DA4A34"/>
    <w:rsid w:val="00DA4EFD"/>
    <w:rsid w:val="00DA5FAB"/>
    <w:rsid w:val="00DB0981"/>
    <w:rsid w:val="00DB16FA"/>
    <w:rsid w:val="00DB236D"/>
    <w:rsid w:val="00DB2FA5"/>
    <w:rsid w:val="00DB3430"/>
    <w:rsid w:val="00DB4C1E"/>
    <w:rsid w:val="00DB6EC1"/>
    <w:rsid w:val="00DC00B1"/>
    <w:rsid w:val="00DC159D"/>
    <w:rsid w:val="00DC18B8"/>
    <w:rsid w:val="00DC1B1A"/>
    <w:rsid w:val="00DC306D"/>
    <w:rsid w:val="00DC3C96"/>
    <w:rsid w:val="00DC489B"/>
    <w:rsid w:val="00DC659A"/>
    <w:rsid w:val="00DC7D4F"/>
    <w:rsid w:val="00DD0143"/>
    <w:rsid w:val="00DD0D14"/>
    <w:rsid w:val="00DD1382"/>
    <w:rsid w:val="00DD1951"/>
    <w:rsid w:val="00DD235B"/>
    <w:rsid w:val="00DD256D"/>
    <w:rsid w:val="00DD4398"/>
    <w:rsid w:val="00DD48EE"/>
    <w:rsid w:val="00DD5C6A"/>
    <w:rsid w:val="00DD6CE0"/>
    <w:rsid w:val="00DD7A30"/>
    <w:rsid w:val="00DD7A6B"/>
    <w:rsid w:val="00DE037F"/>
    <w:rsid w:val="00DE0922"/>
    <w:rsid w:val="00DE1A4E"/>
    <w:rsid w:val="00DE4EF8"/>
    <w:rsid w:val="00DF1163"/>
    <w:rsid w:val="00DF2019"/>
    <w:rsid w:val="00DF2615"/>
    <w:rsid w:val="00DF7136"/>
    <w:rsid w:val="00DF72F7"/>
    <w:rsid w:val="00E019AC"/>
    <w:rsid w:val="00E02831"/>
    <w:rsid w:val="00E032E6"/>
    <w:rsid w:val="00E03373"/>
    <w:rsid w:val="00E03530"/>
    <w:rsid w:val="00E054FE"/>
    <w:rsid w:val="00E107AE"/>
    <w:rsid w:val="00E119B7"/>
    <w:rsid w:val="00E13876"/>
    <w:rsid w:val="00E149E2"/>
    <w:rsid w:val="00E14D77"/>
    <w:rsid w:val="00E16683"/>
    <w:rsid w:val="00E2111B"/>
    <w:rsid w:val="00E2525F"/>
    <w:rsid w:val="00E2598B"/>
    <w:rsid w:val="00E25D20"/>
    <w:rsid w:val="00E2617E"/>
    <w:rsid w:val="00E26D1C"/>
    <w:rsid w:val="00E26DFA"/>
    <w:rsid w:val="00E275AB"/>
    <w:rsid w:val="00E31464"/>
    <w:rsid w:val="00E3512E"/>
    <w:rsid w:val="00E3588D"/>
    <w:rsid w:val="00E360C5"/>
    <w:rsid w:val="00E363E4"/>
    <w:rsid w:val="00E3642C"/>
    <w:rsid w:val="00E4010C"/>
    <w:rsid w:val="00E40E41"/>
    <w:rsid w:val="00E40FAC"/>
    <w:rsid w:val="00E41A17"/>
    <w:rsid w:val="00E41D53"/>
    <w:rsid w:val="00E42247"/>
    <w:rsid w:val="00E42887"/>
    <w:rsid w:val="00E43A8F"/>
    <w:rsid w:val="00E4550C"/>
    <w:rsid w:val="00E46698"/>
    <w:rsid w:val="00E512E5"/>
    <w:rsid w:val="00E5218A"/>
    <w:rsid w:val="00E521FD"/>
    <w:rsid w:val="00E538CB"/>
    <w:rsid w:val="00E54020"/>
    <w:rsid w:val="00E5450E"/>
    <w:rsid w:val="00E545BE"/>
    <w:rsid w:val="00E54800"/>
    <w:rsid w:val="00E5597F"/>
    <w:rsid w:val="00E55CC8"/>
    <w:rsid w:val="00E5675F"/>
    <w:rsid w:val="00E5721B"/>
    <w:rsid w:val="00E57A8F"/>
    <w:rsid w:val="00E603B5"/>
    <w:rsid w:val="00E62CF0"/>
    <w:rsid w:val="00E62E7A"/>
    <w:rsid w:val="00E63396"/>
    <w:rsid w:val="00E646A7"/>
    <w:rsid w:val="00E648F8"/>
    <w:rsid w:val="00E64F51"/>
    <w:rsid w:val="00E65AD6"/>
    <w:rsid w:val="00E65C4E"/>
    <w:rsid w:val="00E66108"/>
    <w:rsid w:val="00E67373"/>
    <w:rsid w:val="00E70048"/>
    <w:rsid w:val="00E71702"/>
    <w:rsid w:val="00E719F3"/>
    <w:rsid w:val="00E71A18"/>
    <w:rsid w:val="00E73816"/>
    <w:rsid w:val="00E73C9E"/>
    <w:rsid w:val="00E753A0"/>
    <w:rsid w:val="00E754C4"/>
    <w:rsid w:val="00E76A8D"/>
    <w:rsid w:val="00E76FC2"/>
    <w:rsid w:val="00E809AE"/>
    <w:rsid w:val="00E80B47"/>
    <w:rsid w:val="00E81CFF"/>
    <w:rsid w:val="00E81E1A"/>
    <w:rsid w:val="00E8274F"/>
    <w:rsid w:val="00E8384A"/>
    <w:rsid w:val="00E858DE"/>
    <w:rsid w:val="00E91261"/>
    <w:rsid w:val="00E92AC0"/>
    <w:rsid w:val="00E92FC5"/>
    <w:rsid w:val="00E9587D"/>
    <w:rsid w:val="00E9594A"/>
    <w:rsid w:val="00E97863"/>
    <w:rsid w:val="00EA292F"/>
    <w:rsid w:val="00EA2E89"/>
    <w:rsid w:val="00EA511B"/>
    <w:rsid w:val="00EA5827"/>
    <w:rsid w:val="00EA674D"/>
    <w:rsid w:val="00EB13D4"/>
    <w:rsid w:val="00EB2911"/>
    <w:rsid w:val="00EB2BC9"/>
    <w:rsid w:val="00EB318E"/>
    <w:rsid w:val="00EB4B63"/>
    <w:rsid w:val="00EB50A8"/>
    <w:rsid w:val="00EB553F"/>
    <w:rsid w:val="00EB5875"/>
    <w:rsid w:val="00EB5B3E"/>
    <w:rsid w:val="00EB6C87"/>
    <w:rsid w:val="00EC312D"/>
    <w:rsid w:val="00EC3E6A"/>
    <w:rsid w:val="00EC534E"/>
    <w:rsid w:val="00EC54BC"/>
    <w:rsid w:val="00ED0D4E"/>
    <w:rsid w:val="00ED1B84"/>
    <w:rsid w:val="00ED25EC"/>
    <w:rsid w:val="00ED2F50"/>
    <w:rsid w:val="00ED39CC"/>
    <w:rsid w:val="00ED434B"/>
    <w:rsid w:val="00ED5464"/>
    <w:rsid w:val="00ED6CCC"/>
    <w:rsid w:val="00ED6F40"/>
    <w:rsid w:val="00ED7B53"/>
    <w:rsid w:val="00ED7D06"/>
    <w:rsid w:val="00EE0465"/>
    <w:rsid w:val="00EE047D"/>
    <w:rsid w:val="00EE10A4"/>
    <w:rsid w:val="00EE11C3"/>
    <w:rsid w:val="00EE1B66"/>
    <w:rsid w:val="00EE31A1"/>
    <w:rsid w:val="00EE5052"/>
    <w:rsid w:val="00EE554D"/>
    <w:rsid w:val="00EE5AD7"/>
    <w:rsid w:val="00EE6185"/>
    <w:rsid w:val="00EE6914"/>
    <w:rsid w:val="00EE7146"/>
    <w:rsid w:val="00EF025E"/>
    <w:rsid w:val="00EF1A7B"/>
    <w:rsid w:val="00EF1CDF"/>
    <w:rsid w:val="00EF2CB0"/>
    <w:rsid w:val="00EF4382"/>
    <w:rsid w:val="00EF75D6"/>
    <w:rsid w:val="00F01587"/>
    <w:rsid w:val="00F01CE8"/>
    <w:rsid w:val="00F01D50"/>
    <w:rsid w:val="00F02017"/>
    <w:rsid w:val="00F025DE"/>
    <w:rsid w:val="00F02D1B"/>
    <w:rsid w:val="00F037E9"/>
    <w:rsid w:val="00F04479"/>
    <w:rsid w:val="00F04AEF"/>
    <w:rsid w:val="00F0614B"/>
    <w:rsid w:val="00F06660"/>
    <w:rsid w:val="00F07355"/>
    <w:rsid w:val="00F10E1E"/>
    <w:rsid w:val="00F12212"/>
    <w:rsid w:val="00F133D1"/>
    <w:rsid w:val="00F15781"/>
    <w:rsid w:val="00F159DD"/>
    <w:rsid w:val="00F15B77"/>
    <w:rsid w:val="00F17F6D"/>
    <w:rsid w:val="00F223CF"/>
    <w:rsid w:val="00F2243C"/>
    <w:rsid w:val="00F230BD"/>
    <w:rsid w:val="00F238B6"/>
    <w:rsid w:val="00F24426"/>
    <w:rsid w:val="00F27577"/>
    <w:rsid w:val="00F27794"/>
    <w:rsid w:val="00F30C5D"/>
    <w:rsid w:val="00F31444"/>
    <w:rsid w:val="00F347F7"/>
    <w:rsid w:val="00F3525E"/>
    <w:rsid w:val="00F37C56"/>
    <w:rsid w:val="00F414D8"/>
    <w:rsid w:val="00F4206D"/>
    <w:rsid w:val="00F422F8"/>
    <w:rsid w:val="00F423E6"/>
    <w:rsid w:val="00F42BFC"/>
    <w:rsid w:val="00F42F15"/>
    <w:rsid w:val="00F44B8F"/>
    <w:rsid w:val="00F45FEB"/>
    <w:rsid w:val="00F470ED"/>
    <w:rsid w:val="00F47891"/>
    <w:rsid w:val="00F47AF6"/>
    <w:rsid w:val="00F47D54"/>
    <w:rsid w:val="00F52022"/>
    <w:rsid w:val="00F5364F"/>
    <w:rsid w:val="00F54504"/>
    <w:rsid w:val="00F55648"/>
    <w:rsid w:val="00F574DE"/>
    <w:rsid w:val="00F57CDC"/>
    <w:rsid w:val="00F605F2"/>
    <w:rsid w:val="00F60877"/>
    <w:rsid w:val="00F614A3"/>
    <w:rsid w:val="00F61612"/>
    <w:rsid w:val="00F6176F"/>
    <w:rsid w:val="00F62B3D"/>
    <w:rsid w:val="00F63FCD"/>
    <w:rsid w:val="00F640A1"/>
    <w:rsid w:val="00F66F02"/>
    <w:rsid w:val="00F67875"/>
    <w:rsid w:val="00F70D3C"/>
    <w:rsid w:val="00F71911"/>
    <w:rsid w:val="00F7339C"/>
    <w:rsid w:val="00F736CB"/>
    <w:rsid w:val="00F744DE"/>
    <w:rsid w:val="00F75190"/>
    <w:rsid w:val="00F753E8"/>
    <w:rsid w:val="00F75676"/>
    <w:rsid w:val="00F757BF"/>
    <w:rsid w:val="00F7612C"/>
    <w:rsid w:val="00F80AFE"/>
    <w:rsid w:val="00F811B3"/>
    <w:rsid w:val="00F81373"/>
    <w:rsid w:val="00F82CB0"/>
    <w:rsid w:val="00F83A9F"/>
    <w:rsid w:val="00F8564D"/>
    <w:rsid w:val="00F8580E"/>
    <w:rsid w:val="00F85C74"/>
    <w:rsid w:val="00F86011"/>
    <w:rsid w:val="00F87F3D"/>
    <w:rsid w:val="00F903A1"/>
    <w:rsid w:val="00F9062B"/>
    <w:rsid w:val="00F911B5"/>
    <w:rsid w:val="00F91C8D"/>
    <w:rsid w:val="00F91E48"/>
    <w:rsid w:val="00F92CAD"/>
    <w:rsid w:val="00F93AA1"/>
    <w:rsid w:val="00F94685"/>
    <w:rsid w:val="00F95562"/>
    <w:rsid w:val="00F95AA0"/>
    <w:rsid w:val="00FA009B"/>
    <w:rsid w:val="00FA24B0"/>
    <w:rsid w:val="00FA28F3"/>
    <w:rsid w:val="00FA2DF0"/>
    <w:rsid w:val="00FA3550"/>
    <w:rsid w:val="00FA4940"/>
    <w:rsid w:val="00FA59DC"/>
    <w:rsid w:val="00FA68A1"/>
    <w:rsid w:val="00FB2AD7"/>
    <w:rsid w:val="00FB3327"/>
    <w:rsid w:val="00FB41DF"/>
    <w:rsid w:val="00FB4500"/>
    <w:rsid w:val="00FB602E"/>
    <w:rsid w:val="00FB69AA"/>
    <w:rsid w:val="00FB72CE"/>
    <w:rsid w:val="00FC050C"/>
    <w:rsid w:val="00FC08A1"/>
    <w:rsid w:val="00FC2692"/>
    <w:rsid w:val="00FC514D"/>
    <w:rsid w:val="00FC6415"/>
    <w:rsid w:val="00FD250E"/>
    <w:rsid w:val="00FD2A0D"/>
    <w:rsid w:val="00FD3EAF"/>
    <w:rsid w:val="00FD761B"/>
    <w:rsid w:val="00FD7831"/>
    <w:rsid w:val="00FD7C6D"/>
    <w:rsid w:val="00FE13C2"/>
    <w:rsid w:val="00FE217D"/>
    <w:rsid w:val="00FE389E"/>
    <w:rsid w:val="00FE396B"/>
    <w:rsid w:val="00FE4B07"/>
    <w:rsid w:val="00FE4C63"/>
    <w:rsid w:val="00FE5667"/>
    <w:rsid w:val="00FE57C5"/>
    <w:rsid w:val="00FF073F"/>
    <w:rsid w:val="00FF08C7"/>
    <w:rsid w:val="00FF13C6"/>
    <w:rsid w:val="00FF22C6"/>
    <w:rsid w:val="00FF2777"/>
    <w:rsid w:val="00FF3E4D"/>
    <w:rsid w:val="00FF456C"/>
    <w:rsid w:val="00FF4A0D"/>
    <w:rsid w:val="00FF4F21"/>
    <w:rsid w:val="00FF50CE"/>
    <w:rsid w:val="00FF5152"/>
    <w:rsid w:val="00FF52A6"/>
    <w:rsid w:val="00FF6EEB"/>
    <w:rsid w:val="24CDFBDC"/>
    <w:rsid w:val="262505DA"/>
    <w:rsid w:val="2796613C"/>
    <w:rsid w:val="2A2F426C"/>
    <w:rsid w:val="3856BE65"/>
    <w:rsid w:val="43DB8038"/>
    <w:rsid w:val="484C0DC1"/>
    <w:rsid w:val="4A9E267C"/>
    <w:rsid w:val="5ED6B1C2"/>
    <w:rsid w:val="77CCA643"/>
    <w:rsid w:val="7DBF3AE2"/>
    <w:rsid w:val="7ECA9C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25E4666"/>
  <w15:chartTrackingRefBased/>
  <w15:docId w15:val="{FB7466C6-695A-41C3-A5C9-4CD5020974B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B67804"/>
    <w:pPr>
      <w:numPr>
        <w:numId w:val="21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471DC1"/>
    <w:pPr>
      <w:numPr>
        <w:ilvl w:val="1"/>
        <w:numId w:val="21"/>
      </w:numPr>
      <w:outlineLvl w:val="1"/>
    </w:pPr>
    <w:rPr>
      <w:rFonts w:ascii="Arial" w:hAnsi="Arial" w:cs="Arial"/>
      <w:bCs/>
      <w:color w:val="000000" w:themeColor="text1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471DC1"/>
    <w:pPr>
      <w:numPr>
        <w:ilvl w:val="2"/>
        <w:numId w:val="21"/>
      </w:numPr>
      <w:outlineLvl w:val="2"/>
    </w:pPr>
    <w:rPr>
      <w:rFonts w:ascii="Arial" w:hAnsi="Arial" w:cs="Arial"/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471DC1"/>
    <w:pPr>
      <w:numPr>
        <w:ilvl w:val="3"/>
        <w:numId w:val="21"/>
      </w:numPr>
      <w:spacing w:after="0"/>
      <w:outlineLvl w:val="3"/>
    </w:pPr>
    <w:rPr>
      <w:rFonts w:ascii="Arial" w:hAnsi="Arial" w:cs="Arial"/>
      <w:b w:val="0"/>
      <w:color w:val="000000" w:themeColor="text1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B67804"/>
    <w:rPr>
      <w:rFonts w:ascii="Arial" w:eastAsiaTheme="minorEastAsia" w:hAnsi="Arial" w:cs="Arial"/>
      <w:b/>
      <w:bCs/>
      <w:color w:val="000000" w:themeColor="text1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471DC1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000000" w:themeColor="tex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471DC1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000000" w:themeColor="tex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471DC1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000000" w:themeColor="text1"/>
      <w:sz w:val="22"/>
      <w:szCs w:val="22"/>
    </w:rPr>
  </w:style>
  <w:style w:type="paragraph" w:styleId="NoSpacing">
    <w:name w:val="No Spacing"/>
    <w:aliases w:val="~BaseStyle"/>
    <w:link w:val="NoSpacingChar"/>
    <w:uiPriority w:val="1"/>
    <w:qFormat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471DC1"/>
    <w:pPr>
      <w:pageBreakBefore w:val="0"/>
      <w:spacing w:before="240" w:after="120"/>
    </w:pPr>
    <w:rPr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471DC1"/>
    <w:pPr>
      <w:spacing w:after="120"/>
    </w:pPr>
    <w:rPr>
      <w:color w:val="000000" w:themeColor="text1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BC762A"/>
    <w:pPr>
      <w:spacing w:before="40" w:after="40" w:line="240" w:lineRule="auto"/>
    </w:pPr>
    <w:rPr>
      <w:rFonts w:ascii="Arial" w:eastAsiaTheme="minorEastAsia" w:hAnsi="Arial"/>
      <w:color w:val="000000" w:themeColor="text1"/>
      <w:sz w:val="16"/>
      <w:szCs w:val="16"/>
    </w:rPr>
    <w:tblPr>
      <w:tblStyleRowBandSize w:val="1"/>
      <w:tblBorders>
        <w:insideH w:val="single" w:sz="4" w:space="0" w:color="000000" w:themeColor="text1"/>
        <w:insideV w:val="single" w:sz="4" w:space="0" w:color="000000" w:themeColor="text1"/>
      </w:tblBorders>
    </w:tblPr>
    <w:tblStylePr w:type="firstRow">
      <w:tblPr/>
      <w:tcPr>
        <w:tcBorders>
          <w:top w:val="nil"/>
          <w:left w:val="nil"/>
          <w:bottom w:val="single" w:sz="8" w:space="0" w:color="auto"/>
          <w:right w:val="nil"/>
          <w:insideH w:val="nil"/>
          <w:insideV w:val="single" w:sz="4" w:space="0" w:color="auto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8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8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8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471DC1"/>
    <w:pPr>
      <w:keepNext/>
    </w:pPr>
    <w:rPr>
      <w:b/>
      <w:bCs/>
      <w:color w:val="000000" w:themeColor="tex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471DC1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471DC1"/>
    <w:rPr>
      <w:rFonts w:ascii="Arial" w:eastAsiaTheme="minorEastAsia" w:hAnsi="Arial" w:cs="Arial"/>
      <w:b/>
      <w:bCs/>
      <w:color w:val="000000" w:themeColor="text1"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471DC1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471DC1"/>
    <w:rPr>
      <w:rFonts w:ascii="Arial" w:eastAsiaTheme="minorEastAsia" w:hAnsi="Arial" w:cs="Arial"/>
      <w:color w:val="000000" w:themeColor="tex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471DC1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000000" w:themeColor="tex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styleId="SmartLink">
    <w:name w:val="Smart Link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ListParagraphChar">
    <w:name w:val="List Paragraph Char"/>
    <w:link w:val="ListParagraph"/>
    <w:uiPriority w:val="34"/>
    <w:rsid w:val="00A95B4B"/>
    <w:rPr>
      <w:rFonts w:eastAsiaTheme="minorEastAsia"/>
    </w:rPr>
  </w:style>
  <w:style w:type="character" w:styleId="UnresolvedMention">
    <w:name w:val="Unresolved Mention"/>
    <w:basedOn w:val="DefaultParagraphFont"/>
    <w:uiPriority w:val="99"/>
    <w:semiHidden/>
    <w:unhideWhenUsed/>
    <w:rsid w:val="00724DD5"/>
    <w:rPr>
      <w:color w:val="605E5C"/>
      <w:shd w:val="clear" w:color="auto" w:fill="E1DFDD"/>
    </w:rPr>
  </w:style>
  <w:style w:type="paragraph" w:customStyle="1" w:styleId="Quote1">
    <w:name w:val="Quote1"/>
    <w:basedOn w:val="Normal"/>
    <w:next w:val="QuoteSource"/>
    <w:uiPriority w:val="6"/>
    <w:qFormat/>
    <w:rsid w:val="00FF456C"/>
    <w:pPr>
      <w:keepNext/>
      <w:keepLines/>
      <w:spacing w:before="240" w:after="0"/>
      <w:ind w:right="2835"/>
    </w:pPr>
    <w:rPr>
      <w:b/>
      <w:bCs/>
      <w:color w:val="000000" w:themeColor="text1"/>
      <w:sz w:val="28"/>
      <w:szCs w:val="28"/>
    </w:rPr>
  </w:style>
  <w:style w:type="character" w:customStyle="1" w:styleId="QuoteChar1">
    <w:name w:val="Quote Char1"/>
    <w:basedOn w:val="DefaultParagraphFont"/>
    <w:uiPriority w:val="39"/>
    <w:rsid w:val="00FF456C"/>
    <w:rPr>
      <w:rFonts w:eastAsiaTheme="minorEastAsia"/>
      <w:i/>
      <w:iCs/>
      <w:color w:val="404040" w:themeColor="text1" w:themeTint="BF"/>
    </w:rPr>
  </w:style>
  <w:style w:type="character" w:customStyle="1" w:styleId="NoSpacingChar">
    <w:name w:val="No Spacing Char"/>
    <w:aliases w:val="~BaseStyle Char"/>
    <w:basedOn w:val="DefaultParagraphFont"/>
    <w:link w:val="NoSpacing"/>
    <w:uiPriority w:val="1"/>
    <w:rsid w:val="00B262E4"/>
    <w:rPr>
      <w:rFonts w:eastAsiaTheme="minorEastAsia"/>
    </w:rPr>
  </w:style>
  <w:style w:type="paragraph" w:styleId="Quote">
    <w:name w:val="Quote"/>
    <w:basedOn w:val="Normal"/>
    <w:next w:val="Normal"/>
    <w:link w:val="QuoteChar"/>
    <w:uiPriority w:val="39"/>
    <w:qFormat/>
    <w:rsid w:val="00BD395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39"/>
    <w:rsid w:val="00BD3951"/>
    <w:rPr>
      <w:rFonts w:eastAsiaTheme="minorEastAsia"/>
      <w:i/>
      <w:iCs/>
      <w:color w:val="404040" w:themeColor="text1" w:themeTint="BF"/>
    </w:rPr>
  </w:style>
  <w:style w:type="table" w:customStyle="1" w:styleId="ToolkitTable">
    <w:name w:val="ToolkitTable"/>
    <w:basedOn w:val="TableNormal"/>
    <w:uiPriority w:val="99"/>
    <w:rsid w:val="00966E46"/>
    <w:pPr>
      <w:spacing w:before="40" w:after="40" w:line="240" w:lineRule="auto"/>
    </w:pPr>
    <w:rPr>
      <w:rFonts w:ascii="Arial" w:eastAsiaTheme="minorEastAsia" w:hAnsi="Arial"/>
      <w:color w:val="000000" w:themeColor="text1"/>
      <w:sz w:val="16"/>
      <w:szCs w:val="16"/>
    </w:rPr>
    <w:tblPr>
      <w:tblStyleRowBandSize w:val="1"/>
      <w:tblBorders>
        <w:insideH w:val="single" w:sz="6" w:space="0" w:color="auto"/>
        <w:insideV w:val="single" w:sz="6" w:space="0" w:color="auto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styleId="Revision">
    <w:name w:val="Revision"/>
    <w:hidden/>
    <w:uiPriority w:val="99"/>
    <w:semiHidden/>
    <w:rsid w:val="007B2721"/>
    <w:pPr>
      <w:spacing w:after="0" w:line="240" w:lineRule="auto"/>
    </w:pPr>
    <w:rPr>
      <w:rFonts w:eastAsiaTheme="minorEastAsi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footer" Target="foot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header" Target="head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glossaryDocument" Target="glossary/document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C55837C2D1D64E7DBFBE5821A03F2D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BD47C5F-B53D-4CD9-84B7-21B40A500D52}"/>
      </w:docPartPr>
      <w:docPartBody>
        <w:p w:rsidR="00D45D2D" w:rsidRDefault="0020106E">
          <w:r w:rsidRPr="004C6AA2">
            <w:t>Contents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B6BF6370351450498BF33AEA0D488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0D0E09C-76A7-4DA1-B17B-1BEBB6F1E5E4}"/>
      </w:docPartPr>
      <w:docPartBody>
        <w:p w:rsidR="00D45D2D" w:rsidRDefault="006D16E4">
          <w:r w:rsidRPr="00CB34FA">
            <w:t>Executive summary</w:t>
          </w:r>
        </w:p>
      </w:docPartBody>
    </w:docPart>
    <w:docPart>
      <w:docPartPr>
        <w:name w:val="77BC2D728266410B84DDE76434D0AD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A34735-EB71-445E-8F7B-8D543E7B7268}"/>
      </w:docPartPr>
      <w:docPartBody>
        <w:p w:rsidR="009C775A" w:rsidRDefault="00C36DF5" w:rsidP="00C36DF5">
          <w:pPr>
            <w:pStyle w:val="77BC2D728266410B84DDE76434D0ADA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730BDFB73B04000827BBB75167E6A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F24A14-C63C-47C3-AF99-1DD4A9643E0D}"/>
      </w:docPartPr>
      <w:docPartBody>
        <w:p w:rsidR="00D74763" w:rsidRDefault="00A26DFB" w:rsidP="00A26DFB">
          <w:pPr>
            <w:pStyle w:val="E730BDFB73B04000827BBB75167E6A10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6D736C562E8431595D6EBA31F3F5A8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6D45BDC-5C55-4AFC-92D9-62DF101D4C2F}"/>
      </w:docPartPr>
      <w:docPartBody>
        <w:p w:rsidR="00D74763" w:rsidRDefault="00A26DFB" w:rsidP="00A26DFB">
          <w:pPr>
            <w:pStyle w:val="E6D736C562E8431595D6EBA31F3F5A8A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F2277D40FFA47CC87B86F46466AB67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24A2CD9-C6E2-40D1-A550-7E47CBAC6D92}"/>
      </w:docPartPr>
      <w:docPartBody>
        <w:p w:rsidR="00107007" w:rsidRDefault="00A10F0B" w:rsidP="00A10F0B">
          <w:pPr>
            <w:pStyle w:val="DF2277D40FFA47CC87B86F46466AB67D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E50C9C" w:rsidRDefault="00E50C9C">
      <w:pPr>
        <w:spacing w:after="0" w:line="240" w:lineRule="auto"/>
      </w:pPr>
      <w:r>
        <w:separator/>
      </w:r>
    </w:p>
  </w:endnote>
  <w:endnote w:type="continuationSeparator" w:id="0">
    <w:p w:rsidR="00E50C9C" w:rsidRDefault="00E50C9C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E50C9C" w:rsidRDefault="00E50C9C">
      <w:pPr>
        <w:spacing w:after="0" w:line="240" w:lineRule="auto"/>
      </w:pPr>
      <w:r>
        <w:separator/>
      </w:r>
    </w:p>
  </w:footnote>
  <w:footnote w:type="continuationSeparator" w:id="0">
    <w:p w:rsidR="00E50C9C" w:rsidRDefault="00E50C9C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53282899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551B8"/>
    <w:rsid w:val="00060620"/>
    <w:rsid w:val="000847C4"/>
    <w:rsid w:val="00086897"/>
    <w:rsid w:val="00093AE8"/>
    <w:rsid w:val="000B1740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316A2"/>
    <w:rsid w:val="00156705"/>
    <w:rsid w:val="00156E51"/>
    <w:rsid w:val="00157D17"/>
    <w:rsid w:val="001611A6"/>
    <w:rsid w:val="00164602"/>
    <w:rsid w:val="0017572B"/>
    <w:rsid w:val="00183E66"/>
    <w:rsid w:val="001905C5"/>
    <w:rsid w:val="00191669"/>
    <w:rsid w:val="00196DFD"/>
    <w:rsid w:val="001A7F72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D73FD"/>
    <w:rsid w:val="002E4557"/>
    <w:rsid w:val="002F3539"/>
    <w:rsid w:val="002F6137"/>
    <w:rsid w:val="002F7461"/>
    <w:rsid w:val="00300F5B"/>
    <w:rsid w:val="00302AA0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82E5D"/>
    <w:rsid w:val="00390635"/>
    <w:rsid w:val="0039634B"/>
    <w:rsid w:val="003A08C6"/>
    <w:rsid w:val="003A7A24"/>
    <w:rsid w:val="003C082E"/>
    <w:rsid w:val="003D6904"/>
    <w:rsid w:val="003E0FCD"/>
    <w:rsid w:val="003E1F63"/>
    <w:rsid w:val="0040297C"/>
    <w:rsid w:val="00402A63"/>
    <w:rsid w:val="00415A3F"/>
    <w:rsid w:val="00422E34"/>
    <w:rsid w:val="0042528C"/>
    <w:rsid w:val="00426AD5"/>
    <w:rsid w:val="00443047"/>
    <w:rsid w:val="00450AE9"/>
    <w:rsid w:val="00450E4E"/>
    <w:rsid w:val="004560EF"/>
    <w:rsid w:val="004714B7"/>
    <w:rsid w:val="004813AE"/>
    <w:rsid w:val="00493B06"/>
    <w:rsid w:val="004951C9"/>
    <w:rsid w:val="004A3ABD"/>
    <w:rsid w:val="004B18EA"/>
    <w:rsid w:val="004B5624"/>
    <w:rsid w:val="004D1DC1"/>
    <w:rsid w:val="004D2DA7"/>
    <w:rsid w:val="004D4A7D"/>
    <w:rsid w:val="004E2BEF"/>
    <w:rsid w:val="004E3B26"/>
    <w:rsid w:val="004E77E1"/>
    <w:rsid w:val="004F7863"/>
    <w:rsid w:val="005053CE"/>
    <w:rsid w:val="005113E6"/>
    <w:rsid w:val="00512208"/>
    <w:rsid w:val="0052108F"/>
    <w:rsid w:val="00521C7D"/>
    <w:rsid w:val="00524B77"/>
    <w:rsid w:val="00531298"/>
    <w:rsid w:val="00533662"/>
    <w:rsid w:val="00541A8D"/>
    <w:rsid w:val="005434D3"/>
    <w:rsid w:val="005474B9"/>
    <w:rsid w:val="0055449E"/>
    <w:rsid w:val="00555EE4"/>
    <w:rsid w:val="00561CDD"/>
    <w:rsid w:val="0058103C"/>
    <w:rsid w:val="005812A8"/>
    <w:rsid w:val="00587EEF"/>
    <w:rsid w:val="00591073"/>
    <w:rsid w:val="005B4E92"/>
    <w:rsid w:val="005C24E2"/>
    <w:rsid w:val="005C500B"/>
    <w:rsid w:val="005C64BE"/>
    <w:rsid w:val="005D4B7D"/>
    <w:rsid w:val="005D4CFE"/>
    <w:rsid w:val="005E08C6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408B9"/>
    <w:rsid w:val="00644C6D"/>
    <w:rsid w:val="00652FF4"/>
    <w:rsid w:val="00654CEE"/>
    <w:rsid w:val="006566DD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E7"/>
    <w:rsid w:val="006C0D34"/>
    <w:rsid w:val="006C1AF0"/>
    <w:rsid w:val="006C30AE"/>
    <w:rsid w:val="006D16E4"/>
    <w:rsid w:val="006D29C5"/>
    <w:rsid w:val="00701852"/>
    <w:rsid w:val="00702D5F"/>
    <w:rsid w:val="007030EA"/>
    <w:rsid w:val="00706EB9"/>
    <w:rsid w:val="00720C5B"/>
    <w:rsid w:val="00731CA1"/>
    <w:rsid w:val="007322E6"/>
    <w:rsid w:val="007535F4"/>
    <w:rsid w:val="00754EE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551F"/>
    <w:rsid w:val="007D67B4"/>
    <w:rsid w:val="007D7B51"/>
    <w:rsid w:val="0080668C"/>
    <w:rsid w:val="00812482"/>
    <w:rsid w:val="0081514E"/>
    <w:rsid w:val="00815526"/>
    <w:rsid w:val="00830B69"/>
    <w:rsid w:val="0083480A"/>
    <w:rsid w:val="0084138C"/>
    <w:rsid w:val="00842085"/>
    <w:rsid w:val="00853530"/>
    <w:rsid w:val="0086178B"/>
    <w:rsid w:val="00862DE5"/>
    <w:rsid w:val="00866CEF"/>
    <w:rsid w:val="0088581A"/>
    <w:rsid w:val="00890B78"/>
    <w:rsid w:val="00891373"/>
    <w:rsid w:val="008A270F"/>
    <w:rsid w:val="008C11AA"/>
    <w:rsid w:val="008C7614"/>
    <w:rsid w:val="008D1EC8"/>
    <w:rsid w:val="008E170A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47C7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C319F"/>
    <w:rsid w:val="009C5CB6"/>
    <w:rsid w:val="009C6C91"/>
    <w:rsid w:val="009C775A"/>
    <w:rsid w:val="009D1F7F"/>
    <w:rsid w:val="009D2DAB"/>
    <w:rsid w:val="009D4E26"/>
    <w:rsid w:val="009D6AFF"/>
    <w:rsid w:val="009E19F7"/>
    <w:rsid w:val="009F0CFF"/>
    <w:rsid w:val="009F4F2A"/>
    <w:rsid w:val="009F5B80"/>
    <w:rsid w:val="009F7DAC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43D81"/>
    <w:rsid w:val="00A447A5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A26D0"/>
    <w:rsid w:val="00AC5BE1"/>
    <w:rsid w:val="00AC72B6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912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0AB7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56DC"/>
    <w:rsid w:val="00C335A1"/>
    <w:rsid w:val="00C36DF5"/>
    <w:rsid w:val="00C544D9"/>
    <w:rsid w:val="00C54B31"/>
    <w:rsid w:val="00C57D82"/>
    <w:rsid w:val="00C65E99"/>
    <w:rsid w:val="00C7103B"/>
    <w:rsid w:val="00C7502D"/>
    <w:rsid w:val="00C84BA4"/>
    <w:rsid w:val="00C86B29"/>
    <w:rsid w:val="00C95C4D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F0E"/>
    <w:rsid w:val="00D14A1A"/>
    <w:rsid w:val="00D14A34"/>
    <w:rsid w:val="00D22D91"/>
    <w:rsid w:val="00D24A8E"/>
    <w:rsid w:val="00D27C48"/>
    <w:rsid w:val="00D374F6"/>
    <w:rsid w:val="00D4257E"/>
    <w:rsid w:val="00D4524E"/>
    <w:rsid w:val="00D45D2D"/>
    <w:rsid w:val="00D504EC"/>
    <w:rsid w:val="00D526AB"/>
    <w:rsid w:val="00D61BE1"/>
    <w:rsid w:val="00D64466"/>
    <w:rsid w:val="00D65B4D"/>
    <w:rsid w:val="00D66E15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0C9C"/>
    <w:rsid w:val="00E52FE2"/>
    <w:rsid w:val="00E54F7D"/>
    <w:rsid w:val="00E554B6"/>
    <w:rsid w:val="00E56E63"/>
    <w:rsid w:val="00E6274D"/>
    <w:rsid w:val="00E76831"/>
    <w:rsid w:val="00E83588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698D"/>
    <w:rsid w:val="00F01F3A"/>
    <w:rsid w:val="00F073F6"/>
    <w:rsid w:val="00F100F6"/>
    <w:rsid w:val="00F15516"/>
    <w:rsid w:val="00F17FAD"/>
    <w:rsid w:val="00F20023"/>
    <w:rsid w:val="00F2077A"/>
    <w:rsid w:val="00F265BF"/>
    <w:rsid w:val="00F31C7A"/>
    <w:rsid w:val="00F327EF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9C5CB6"/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77BC2D728266410B84DDE76434D0ADAE">
    <w:name w:val="77BC2D728266410B84DDE76434D0ADAE"/>
    <w:rsid w:val="00C36DF5"/>
  </w:style>
  <w:style w:type="paragraph" w:customStyle="1" w:styleId="E730BDFB73B04000827BBB75167E6A10">
    <w:name w:val="E730BDFB73B04000827BBB75167E6A10"/>
    <w:rsid w:val="00A26DFB"/>
  </w:style>
  <w:style w:type="paragraph" w:customStyle="1" w:styleId="E6D736C562E8431595D6EBA31F3F5A8A">
    <w:name w:val="E6D736C562E8431595D6EBA31F3F5A8A"/>
    <w:rsid w:val="00A26DFB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DF2277D40FFA47CC87B86F46466AB67D">
    <w:name w:val="DF2277D40FFA47CC87B86F46466AB67D"/>
    <w:rsid w:val="00A10F0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85e8c362-3ba9-42e9-9708-5a7d6cc46da0","elementConfiguration":{"binding":"Form.FileRef","visibility":{"action":"hide","operator":"equals","compareValue":""},"removeAndKeepContent":false,"disableUpdates":false,"type":"text"}},{"type":"richTextContentControl","id":"ac462ad3-ad6f-442b-a3c5-c53e9a56b4c0","elementConfiguration":{"binding":"UserProfile.Language.AddressEntityCombinedFull","removeAndKeepContent":false,"disableUpdates":false,"type":"text"}},{"type":"richTextContentControl","id":"489d0764-594b-4e28-8e22-3e96b6339115","elementConfiguration":{"binding":"UserProfile.Language.CountryNameTranslated","removeAndKeepContent":false,"disableUpdates":false,"type":"text"}},{"type":"richTextContentControl","id":"78ad93e2-164a-402b-8110-7e6bf0d387c5","elementConfiguration":{"visibility":{"action":"hide","binding":"UserProfile.Language.Phone","operator":"equals","compareValue":""},"disableUpdates":false,"type":"group"}},{"type":"richTextContentControl","id":"dd8e140e-8833-4a95-a5be-056e51dd94f0","elementConfiguration":{"binding":"Translations.Tel","removeAndKeepContent":false,"disableUpdates":false,"type":"text"}},{"type":"richTextContentControl","id":"be375eb8-3eca-4dec-8cee-6f030baaa769","elementConfiguration":{"binding":"UserProfile.Language.Phone","removeAndKeepContent":false,"disableUpdates":false,"type":"text"}},{"type":"richTextContentControl","id":"e332ec72-e9c1-423e-bed7-8b6bc931f27e","elementConfiguration":{"visibility":{"action":"hide","binding":"UserProfile.Language.Fax","operator":"equals","compareValue":""},"disableUpdates":false,"type":"group"}},{"type":"richTextContentControl","id":"2d8bce20-c788-4f6f-805c-0d630402a53b","elementConfiguration":{"binding":"Translations.Fax","removeAndKeepContent":false,"disableUpdates":false,"type":"text"}},{"type":"richTextContentControl","id":"f4b79c3c-0880-400a-8482-ef3b2cab77a9","elementConfiguration":{"binding":"UserProfile.Language.Fax","removeAndKeepContent":false,"disableUpdates":false,"type":"text"}},{"type":"richTextContentControl","id":"77b22301-2c71-402e-9bdf-2c54dcaec08a","elementConfiguration":{"binding":"UserProfile.Language.Web","visibility":{"action":"hide","operator":"equals","compareValue":""},"removeAndKeepContent":false,"disableUpdates":false,"type":"text"}},{"type":"richTextContentControl","id":"d4016178-49b6-430a-9ccb-63b542a44890","elementConfiguration":{"binding":"Form.ClientName","visibility":{"action":"hide","operator":"equals","compareValue":""},"removeAndKeepContent":false,"disableUpdates":false,"type":"text"}},{"type":"richTextContentControl","id":"b845fbf3-4a49-4238-b6d5-559e8a1fa28b","elementConfiguration":{"binding":"UserProfile.Language.LegalFooterTranslated","removeAndKeepContent":false,"disableUpdates":false,"type":"text"}},{"type":"richTextContentControl","id":"12212df0-25c9-4eaf-8f26-cee08d939766","elementConfiguration":{"binding":"UserProfile.Language.AddressEntityCombinedFull","removeAndKeepContent":false,"disableUpdates":false,"type":"text"}},{"type":"richTextContentControl","id":"f055efc8-e5a3-469c-b91e-3f36aec845b9","elementConfiguration":{"binding":"UserProfile.Language.CountryNameTranslated","removeAndKeepContent":false,"disableUpdates":false,"type":"text"}},{"type":"richTextContentControl","id":"ff43838f-7f38-4233-a442-d5e03ffab64d","elementConfiguration":{"visibility":{"action":"hide","binding":"UserProfile.Language.Phone","operator":"equals","compareValue":""},"disableUpdates":false,"type":"group"}},{"type":"richTextContentControl","id":"0cf71a4a-0056-497b-b623-88dccddaaf87","elementConfiguration":{"binding":"Translations.Tel","removeAndKeepContent":false,"disableUpdates":false,"type":"text"}},{"type":"richTextContentControl","id":"cf349f7b-bac3-4784-a76e-500ca3cc7cdc","elementConfiguration":{"binding":"UserProfile.Language.Phone","removeAndKeepContent":false,"disableUpdates":false,"type":"text"}},{"type":"richTextContentControl","id":"92648e09-0e11-4b64-ae60-f20c0a84d490","elementConfiguration":{"visibility":{"action":"hide","binding":"UserProfile.Language.Fax","operator":"equals","compareValue":""},"disableUpdates":false,"type":"group"}},{"type":"richTextContentControl","id":"c4395741-2f9d-47ea-994d-5d7607a15203","elementConfiguration":{"binding":"Translations.Fax","removeAndKeepContent":false,"disableUpdates":false,"type":"text"}},{"type":"richTextContentControl","id":"f9c895d3-0fd1-437e-88d4-99af679ce3cd","elementConfiguration":{"binding":"UserProfile.Language.Fax","removeAndKeepContent":false,"disableUpdates":false,"type":"text"}},{"type":"richTextContentControl","id":"fd1f1717-5dce-4ff3-8656-4d26d54dd93f","elementConfiguration":{"binding":"UserProfile.Language.Web","visibility":{"action":"hide","operator":"equals","compareValue":""},"removeAndKeepContent":false,"disableUpdates":false,"type":"text"}},{"type":"richTextContentControl","id":"74926569-256c-4850-a397-6ccd3f58db7c","elementConfiguration":{"binding":"Form.ClientName","visibility":{"action":"hide","operator":"equals","compareValue":""},"removeAndKeepContent":false,"disableUpdates":false,"type":"text"}},{"type":"richTextContentControl","id":"4a8b1e05-406d-4aba-9a33-94c3dcd1d99c","elementConfiguration":{"binding":"UserProfile.Language.LegalFooterTranslated","removeAndKeepContent":false,"disableUpdates":false,"type":"text"}},{"type":"richTextContentControl","id":"e90db8f6-dc30-4007-8517-93e8165eec69","elementConfiguration":{"binding":"Form.Documenttitle","removeAndKeepContent":false,"disableUpdates":false,"type":"text"}},{"type":"richTextContentControl","id":"8f9eab02-51eb-4f5d-b260-d73038a476be","elementConfiguration":{"binding":"Form.Documentsubtitle","removeAndKeepContent":false,"disableUpdates":false,"type":"text"}},{"type":"richTextContentControl","id":"41517163-6acd-4dc6-8d2d-f7ae5acafccf","elementConfiguration":{"binding":"Form.DateInsertion","removeAndKeepContent":false,"disableUpdates":false,"type":"text"}},{"type":"richTextContentControl","id":"0e8ea198-7fbf-4419-91c8-32a6e911c014","elementConfiguration":{"binding":"Form.Confidentiality.InsertConfidentiality","visibility":{"action":"hide","operator":"equals","compareValue":""},"removeAndKeepContent":false,"disableUpdates":false,"type":"text"}},{"type":"richTextContentControl","id":"ad0aee87-0518-4d79-be61-04312f0734af","elementConfiguration":{"binding":"Form.Documenttitle","removeAndKeepContent":false,"disableUpdates":false,"type":"text"}},{"type":"richTextContentControl","id":"256836f9-952e-46da-b7a2-8411d9010b29","elementConfiguration":{"binding":"Form.Documentsubtitle","removeAndKeepContent":false,"disableUpdates":false,"type":"text"}},{"type":"richTextContentControl","id":"8bfeb8b6-301d-4429-8b37-bfa67e8b0399","elementConfiguration":{"binding":"Form.DateInsertion","removeAndKeepContent":false,"disableUpdates":false,"type":"text"}},{"type":"richTextContentControl","id":"40fb3a9f-9c23-41ee-b665-b89283b8610c","elementConfiguration":{"binding":"Form.Confidentiality.InsertConfidentiality","visibility":{"action":"hide","operator":"equals","compareValue":""},"removeAndKeepContent":false,"disableUpdates":false,"type":"text"}},{"type":"richTextContentControl","id":"1ebc5757-2c6a-4813-90fd-02bb14c9771a","elementConfiguration":{"binding":"Translations.IssRevRec","removeAndKeepContent":false,"disableUpdates":false,"type":"text"}},{"type":"richTextContentControl","id":"9e672430-e0bc-43a7-b0cc-82e253905701","elementConfiguration":{"binding":"Translations.Revision","removeAndKeepContent":false,"disableUpdates":false,"type":"text"}},{"type":"richTextContentControl","id":"b51f2ebb-856f-46a5-b4cb-0e29d925177d","elementConfiguration":{"binding":"Translations.Date","removeAndKeepContent":false,"disableUpdates":false,"type":"text"}},{"type":"richTextContentControl","id":"e513e51d-ae28-4fa7-80b0-03e08d41d462","elementConfiguration":{"binding":"Translations.Originator","removeAndKeepContent":false,"disableUpdates":false,"type":"text"}},{"type":"richTextContentControl","id":"ce5ac892-a50b-45e3-ad12-c5f38ff00abd","elementConfiguration":{"binding":"Translations.Checkout","removeAndKeepContent":false,"disableUpdates":false,"type":"text"}},{"type":"richTextContentControl","id":"c1828f49-42f7-4b20-83f8-fb925f963b37","elementConfiguration":{"binding":"Translations.Approver","removeAndKeepContent":false,"disableUpdates":false,"type":"text"}},{"type":"richTextContentControl","id":"b0581154-ef1e-459a-bcdf-2931d726e172","elementConfiguration":{"binding":"Translations.Descriptor","removeAndKeepContent":false,"disableUpdates":false,"type":"text"}},{"type":"richTextContentControl","id":"02af1b26-dcf2-44f8-a6ba-28a613f69d96","elementConfiguration":{"binding":"Translations.DocRef","removeAndKeepContent":false,"disableUpdates":false,"type":"text"}},{"type":"richTextContentControl","id":"93e1bf18-9ff9-439a-9f33-b0a561246b7f","elementConfiguration":{"visibility":{"action":"hide","binding":"Form.JobNumber","operator":"equals","compareValue":""},"disableUpdates":false,"type":"group"}},{"type":"richTextContentControl","id":"4b0de0fa-2640-4fe3-859f-b147e0d74763","elementConfiguration":{"binding":"Form.JobNumber","removeAndKeepContent":false,"disableUpdates":false,"type":"text"}},{"type":"richTextContentControl","id":"973a9300-b2d9-4ba8-bc33-93a8749c4a67","elementConfiguration":{"visibility":{"action":"hide","binding":"Form.ReportNumber","operator":"equals","compareValue":""},"disableUpdates":false,"type":"group"}},{"type":"richTextContentControl","id":"a94cf966-ad01-4c63-8ad5-58a7bb9f9da9","elementConfiguration":{"binding":"Form.ReportNumber","removeAndKeepContent":false,"disableUpdates":false,"type":"text"}},{"type":"richTextContentControl","id":"f5900efd-d70f-45f8-8beb-424b2ed9ad13","elementConfiguration":{"binding":"Form.RevisionLetter","visibility":{"action":"hide","operator":"equals","compareValue":""},"removeAndKeepContent":false,"disableUpdates":false,"type":"text"}},{"type":"richTextContentControl","id":"fcb8cb71-f586-4b4d-8b1f-e8644284d11c","elementConfiguration":{"binding":"Form.ProjectDeliverableNumbering","visibility":{"action":"hide","operator":"equals","compareValue":""},"removeAndKeepContent":false,"disableUpdates":false,"type":"text"}},{"type":"richTextContentControl","id":"2e94d526-6865-44c0-a7c8-0652f3a19819","elementConfiguration":{"binding":"Translations.InfoClass","removeAndKeepContent":false,"disableUpdates":false,"type":"text"}},{"type":"richTextContentControl","id":"44780830-8627-4ea8-ad49-b22275b9c541","elementConfiguration":{"binding":"Form.Confidentiality.InsertSecurity","removeAndKeepContent":false,"disableUpdates":false,"type":"text"}},{"type":"richTextContentControl","id":"4a9a14ce-bc5f-41ee-8240-920c55a53577","elementConfiguration":{"binding":"Form.DisclaimerOption.DisclaimerReport","removeAndKeepContent":false,"disableUpdates":false,"type":"text"}},{"type":"richTextContentControl","id":"2fec311b-4ae4-4e04-afd1-88dcffdfdd3b","elementConfiguration":{"binding":"Translations.Contents","removeAndKeepContent":false,"disableUpdates":false,"type":"text"}},{"type":"richTextContentControl","id":"99a861a3-765d-4f6a-861d-892e30b42062","elementConfiguration":{"disableUpdates":false,"type":"group"}},{"type":"richTextContentControl","id":"760b1ccb-ad97-4091-912c-1b969fdf9fc8","elementConfiguration":{"binding":"Translations.Tables","removeAndKeepContent":false,"disableUpdates":false,"type":"text"}},{"type":"richTextContentControl","id":"d0e1a15b-3231-43ae-b62d-b2df10f3e0b4","elementConfiguration":{"binding":"Translations.Table","removeAndKeepContent":false,"disableUpdates":false,"type":"text"}},{"type":"richTextContentControl","id":"d290a178-7153-46a5-af8d-ae10f16c3d58","elementConfiguration":{"disableUpdates":false,"type":"group"}},{"type":"richTextContentControl","id":"a954f3dc-a045-47c0-8d28-40ee6effeaec","elementConfiguration":{"binding":"Translations.Figures","removeAndKeepContent":false,"disableUpdates":false,"type":"text"}},{"type":"richTextContentControl","id":"642e0448-f55b-4016-b8ab-6fa8e731f62a","elementConfiguration":{"binding":"Translations.Figure","removeAndKeepContent":false,"disableUpdates":false,"type":"text"}},{"type":"richTextContentControl","id":"2ccf6d07-8afb-43a7-a81f-70d68a97e5f6","elementConfiguration":{"disableUpdates":false,"type":"group"}},{"type":"richTextContentControl","id":"ee26ad36-5f19-4bdf-bb55-c1012be02464","elementConfiguration":{"binding":"Translations.Photos","removeAndKeepContent":false,"disableUpdates":false,"type":"text"}},{"type":"richTextContentControl","id":"21fd26a4-ff2b-4c8b-a1b2-715cf0825450","elementConfiguration":{"binding":"Translations.Photo","removeAndKeepContent":false,"disableUpdates":false,"type":"text"}},{"type":"richTextContentControl","id":"360ce3da-5d06-4421-90bd-0cd2495570b3","elementConfiguration":{"disableUpdates":false,"type":"group"}},{"type":"richTextContentControl","id":"b3a6777b-a895-49d1-9b48-52af9022c2bb","elementConfiguration":{"binding":"Translations.Maps","removeAndKeepContent":false,"disableUpdates":false,"type":"text"}},{"type":"richTextContentControl","id":"d638413e-f91a-49dd-9228-e0a9bc8dc611","elementConfiguration":{"binding":"Translations.Map","removeAndKeepContent":false,"disableUpdates":false,"type":"text"}},{"type":"richTextContentControl","id":"1d5a0910-5612-43bd-ae7f-caccc22c8a2e","elementConfiguration":{"disableUpdates":false,"type":"group"}},{"type":"richTextContentControl","id":"ed33eea1-074c-44c5-a21f-e86d00b35fde","elementConfiguration":{"binding":"Translations.Charts","removeAndKeepContent":false,"disableUpdates":false,"type":"text"}},{"type":"richTextContentControl","id":"59c8a316-3bfd-49a1-9f9c-e4a19ae1b90a","elementConfiguration":{"binding":"Translations.Chart","removeAndKeepContent":false,"disableUpdates":false,"type":"text"}},{"type":"richTextContentControl","id":"4efec458-7d57-4bad-9423-3ea5496170f6","elementConfiguration":{"disableUpdates":false,"type":"group"}},{"type":"richTextContentControl","id":"01331e31-3534-4f4d-a358-23540e96d77f","elementConfiguration":{"binding":"Translations.Appendix","removeAndKeepContent":false,"disableUpdates":false,"type":"text"}},{"type":"richTextContentControl","id":"bb90208d-8813-4924-9fa3-b6b8e5c1ca0d","elementConfiguration":{"disableUpdates":false,"type":"group"}},{"type":"richTextContentControl","id":"6a444915-91cd-4e21-a66a-dae135f23314","elementConfiguration":{"binding":"Translations.Appendix","removeAndKeepContent":false,"disableUpdates":false,"type":"text"}},{"type":"richTextContentControl","id":"be2ae213-538c-4e2b-892f-3e2168bb4b43","elementConfiguration":{"disableUpdates":false,"type":"group"}},{"type":"richTextContentControl","id":"ba9c0625-229e-4151-8579-89c75bf9a06c","elementConfiguration":{"binding":"Translations.Appendix","removeAndKeepContent":false,"disableUpdates":false,"type":"text"}},{"type":"richTextContentControl","id":"6291d740-87f3-462a-8a6f-fb7c92a71f4f","elementConfiguration":{"disableUpdates":false,"type":"group"}},{"type":"richTextContentControl","id":"fad4be42-c92e-425b-aa1d-9f953702586a","elementConfiguration":{"binding":"Translations.Appendix","removeAndKeepContent":false,"disableUpdates":false,"type":"text"}},{"type":"richTextContentControl","id":"bf76ccd2-78a7-405c-959b-cffe5acc58f7","elementConfiguration":{"disableUpdates":false,"type":"group"}},{"type":"richTextContentControl","id":"619dbaf0-4ba8-4f40-8cb9-d906d3e1631c","elementConfiguration":{"binding":"Translations.Appendix","removeAndKeepContent":false,"disableUpdates":false,"type":"text"}},{"type":"richTextContentControl","id":"c643be24-cfda-4982-b112-d7d1d3fcca81","elementConfiguration":{"binding":"Translations.ExecSum","removeAndKeepContent":false,"disableUpdates":false,"type":"text"}},{"type":"richTextContentControl","id":"a1ac2264-005d-4cb5-ba6c-5f0ec7e2f298","elementConfiguration":{"visibility":{"action":"delete","binding":"Form.Backpage.Visibility","operator":"equals","compareValue":"true"},"disableUpdates":false,"type":"group"}},{"type":"richTextContentControl","id":"5c420505-2bd8-4a29-89e1-cd5c52993ccb","elementConfiguration":{"binding":"UserProfile.Language.Web","visibility":{"action":"hide","operator":"equals","compareValue":""},"removeAndKeepContent":false,"disableUpdates":false,"type":"text"}},{"type":"richTextContentControl","id":"2f7941f6-dc84-49f7-8148-2336fdc85f5c","elementConfiguration":{"binding":"UserProfile.Language.Web","visibility":{"action":"hide","operator":"equals","compareValue":""},"removeAndKeepContent":false,"disableUpdates":false,"type":"text"}},{"type":"richTextContentControl","id":"7aea085f-ef82-42b0-acfe-985618b4a7ce","elementConfiguration":{"binding":"UserProfile.Language.LogoType","removeAndKeepContent":false,"disableUpdates":false,"type":"text"}},{"type":"richTextContentControl","id":"0c145859-b848-4ac5-8b41-cd1648463505","elementConfiguration":{"visibility":{"action":"hide","binding":"Form.Confidentiality.InsertConfidentiality","operator":"equals","compareValue":""},"disableUpdates":false,"type":"group"}},{"type":"richTextContentControl","id":"860c266c-edde-4a37-8d77-d50a1751fced","elementConfiguration":{"binding":"Form.Confidentiality.InsertConfidentiality","removeAndKeepContent":false,"disableUpdates":false,"type":"text"}},{"type":"richTextContentControl","id":"6e8b6543-2c2a-4654-922f-4176a6cec41f","elementConfiguration":{"binding":"Form.Documenttitle","removeAndKeepContent":false,"disableUpdates":false,"type":"text"}},{"type":"richTextContentControl","id":"4370cef2-9eba-44ef-94f7-bd5420c482cc","elementConfiguration":{"binding":"Form.Documentsubtitle","removeAndKeepContent":false,"disableUpdates":false,"type":"text"}},{"type":"richTextContentControl","id":"1715ec9b-168d-4cc5-8137-cc7150a93ec6","elementConfiguration":{"binding":"UserProfile.Language.LogoType","removeAndKeepContent":false,"disableUpdates":false,"type":"text"}},{"type":"richTextContentControl","id":"e3815f05-29ac-4d8f-bb8b-fcd263e3ace0","elementConfiguration":{"visibility":{"action":"hide","binding":"Form.Confidentiality.InsertConfidentiality","operator":"equals","compareValue":""},"disableUpdates":false,"type":"group"}},{"type":"richTextContentControl","id":"8fb29b82-11da-47f2-8ac2-b79c1bceaeca","elementConfiguration":{"binding":"Form.Confidentiality.InsertConfidentiality","removeAndKeepContent":false,"disableUpdates":false,"type":"text"}},{"type":"richTextContentControl","id":"2bc001ee-7b1b-45f6-ab14-d197a7f29646","elementConfiguration":{"binding":"Form.Documenttitle","removeAndKeepContent":false,"disableUpdates":false,"type":"text"}},{"type":"richTextContentControl","id":"cdbafe41-9ac4-4f7f-a291-f012ad85b041","elementConfiguration":{"binding":"Form.Documentsubtitle","removeAndKeepContent":false,"disableUpdates":false,"type":"text"}},{"type":"richTextContentControl","id":"54b66e44-578b-429a-88dc-8ffc14d7b4c2","elementConfiguration":{"binding":"Form.Documenttitle","removeAndKeepContent":false,"disableUpdates":false,"type":"text"}},{"type":"richTextContentControl","id":"d5fab4e6-f73e-45b4-8f40-f0eab07a199c","elementConfiguration":{"binding":"Form.Documentsubtitle","removeAndKeepContent":false,"disableUpdates":false,"type":"text"}},{"type":"richTextContentControl","id":"ad6b46f6-56b6-4917-b442-31c2fe3c4e04","elementConfiguration":{"binding":"Form.DateInsertion","removeAndKeepContent":false,"disableUpdates":false,"type":"text"}},{"type":"richTextContentControl","id":"d79b6561-9f9e-4484-8b99-bc6880e1b945","elementConfiguration":{"binding":"Form.Confidentiality.InsertConfidentiality","visibility":{"action":"hide","operator":"equals","compareValue":""},"removeAndKeepContent":false,"disableUpdates":false,"type":"text"}},{"type":"richTextContentControl","id":"fc987257-0801-40ea-8ab8-18c3a11887a4","elementConfiguration":{"binding":"Form.FileRef","visibility":{"action":"hide","operator":"equals","compareValue":""},"removeAndKeepContent":false,"disableUpdates":false,"type":"text"}},{"type":"richTextContentControl","id":"c3560836-b9a5-4f21-8c64-74b1ebaca068","elementConfiguration":{"visibility":{"action":"hide","binding":"Form.JobNumber","operator":"equals","compareValue":""},"disableUpdates":false,"type":"group"}},{"type":"richTextContentControl","id":"367afc09-4960-421b-bdbd-31707147ba15","elementConfiguration":{"binding":"Form.JobNumber","removeAndKeepContent":false,"disableUpdates":false,"type":"text"}},{"type":"richTextContentControl","id":"b784f490-b190-4572-a7c5-0783756c71b2","elementConfiguration":{"visibility":{"action":"hide","binding":"Form.ReportNumber","operator":"equals","compareValue":""},"disableUpdates":false,"type":"group"}},{"type":"richTextContentControl","id":"3ba6209d-ee71-410a-8c95-5a799e04410c","elementConfiguration":{"binding":"Form.ReportNumber","removeAndKeepContent":false,"disableUpdates":false,"type":"text"}},{"type":"richTextContentControl","id":"3c62995b-3636-4546-8a7f-877dbe9f797f","elementConfiguration":{"visibility":{"action":"hide","binding":"Form.RevisionLetter","operator":"equals","compareValue":""},"disableUpdates":false,"type":"group"}},{"type":"richTextContentControl","id":"73a66585-502f-42e1-bf57-dd800cd3030a","elementConfiguration":{"binding":"Form.RevisionLetter","removeAndKeepContent":false,"disableUpdates":false,"type":"text"}},{"type":"richTextContentControl","id":"84fe7594-1694-4a56-a0e8-99f3a837d565","elementConfiguration":{"visibility":{"action":"hide","binding":"Form.ProjectDeliverableNumbering","operator":"equals","compareValue":""},"disableUpdates":false,"type":"group"}},{"type":"richTextContentControl","id":"1b946d1a-b482-415c-bd6b-7edcba5ce99c","elementConfiguration":{"binding":"Form.ProjectDeliverableNumbering","removeAndKeepContent":false,"disableUpdates":false,"type":"text"}},{"type":"richTextContentControl","id":"5e30cb74-4711-4b93-812d-42ba0396b424","elementConfiguration":{"binding":"Form.DateInsertion","removeAndKeepContent":false,"disableUpdates":false,"type":"text"}},{"type":"richTextContentControl","id":"19b340dd-3bb8-4825-80d9-d8b4f355698d","elementConfiguration":{"binding":"Form.FilePath","visibility":{"action":"hide","operator":"equals","compareValue":""},"removeAndKeepContent":false,"disableUpdates":false,"type":"text"}},{"type":"richTextContentControl","id":"f53234c1-ac86-4687-8e2c-f365d4927fb9","elementConfiguration":{"visibility":{"action":"hide","binding":"Form.JobNumber","operator":"equals","compareValue":""},"disableUpdates":false,"type":"group"}},{"type":"richTextContentControl","id":"91ff30db-1329-47f8-b9ea-91430dbb093f","elementConfiguration":{"binding":"Form.JobNumber","removeAndKeepContent":false,"disableUpdates":false,"type":"text"}},{"type":"richTextContentControl","id":"652febf7-6aae-45d8-a732-cbf85a57b24c","elementConfiguration":{"visibility":{"action":"hide","binding":"Form.ReportNumber","operator":"equals","compareValue":""},"disableUpdates":false,"type":"group"}},{"type":"richTextContentControl","id":"f61c7bbe-1077-4c60-a665-5082c74d8206","elementConfiguration":{"binding":"Form.ReportNumber","removeAndKeepContent":false,"disableUpdates":false,"type":"text"}},{"type":"richTextContentControl","id":"ae1bf9e7-f3a9-4ced-bf59-2629f0259fc3","elementConfiguration":{"visibility":{"action":"hide","binding":"Form.RevisionLetter","operator":"equals","compareValue":""},"disableUpdates":false,"type":"group"}},{"type":"richTextContentControl","id":"eb4f2e17-6f74-4e53-bacb-69b46a207a3c","elementConfiguration":{"binding":"Form.RevisionLetter","removeAndKeepContent":false,"disableUpdates":false,"type":"text"}},{"type":"richTextContentControl","id":"29a96283-476f-45e7-9fe6-37f7a1cffba8","elementConfiguration":{"visibility":{"action":"hide","binding":"Form.ProjectDeliverableNumbering","operator":"equals","compareValue":""},"disableUpdates":false,"type":"group"}},{"type":"richTextContentControl","id":"b2e1513b-ca74-4774-8131-452ee3c8adcf","elementConfiguration":{"binding":"Form.ProjectDeliverableNumbering","removeAndKeepContent":false,"disableUpdates":false,"type":"text"}},{"type":"richTextContentControl","id":"423c5829-3551-49f5-9be9-10e315d3fde9","elementConfiguration":{"binding":"Form.DateInsertion","removeAndKeepContent":false,"disableUpdates":false,"type":"text"}},{"type":"richTextContentControl","id":"bc76a2e7-5383-446e-9510-059535d18547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2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oq/kjwvxtwcHNBRq8whCnA=="},{"name":"Documenttitle","value":"Pic9QsG3Yc+czda1VtI3dTphX8yPWug+7HRQU6QbppWRPwNdeqiy5N5jbL988oyh"},{"name":"Documentsubtitle","value":"dm8F5rISiEgYy8or1nMJ/g=="},{"name":"JobNumber","value":"cVXdQgKJc/ZB7Pb0cKuK08UtyzvosKjSAsaIy+hsYlE="},{"name":"ReportNumber","value":"EoNHYIMjGnppAHV/S6IDyg=="},{"name":"RevisionLetter","value":"EoNHYIMjGnppAHV/S6IDyg=="},{"name":"ProjectDeliverableNumbering","value":"EoNHYIMjGnppAHV/S6IDyg=="},{"name":"ClientName","value":"EoNHYIMjGnppAHV/S6IDyg=="},{"name":"FileRef","value":"EoNHYIMjGnppAHV/S6IDyg=="},{"name":"FilePath","value":"EoNHYIMjGnppAHV/S6IDyg=="},{"name":"Confidentiality","value":"unESNJIGYIDqQZrkhCKsMQ=="},{"name":"DisclaimerOption","value":"vG/qWdsptw2OGP/QNt/axA=="},{"name":"Backpage","value":"5wD669sJIUliB2tF9m31PQ=="}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videnceTags xmlns="e3bef96d-4cdc-4d98-9943-dfa3960a1d47" xsi:nil="true"/>
    <TaxCatchAll xmlns="78d120b3-7944-496b-a4aa-0bc4c638e67d" xsi:nil="true"/>
    <Queriesindocument xmlns="e3bef96d-4cdc-4d98-9943-dfa3960a1d47">to upload</Queriesindocument>
    <Year xmlns="e3bef96d-4cdc-4d98-9943-dfa3960a1d47" xsi:nil="true"/>
    <Evidence xmlns="e3bef96d-4cdc-4d98-9943-dfa3960a1d47">false</Evidence>
    <TaxKeywordTaxHTField xmlns="78d120b3-7944-496b-a4aa-0bc4c638e67d">
      <Terms xmlns="http://schemas.microsoft.com/office/infopath/2007/PartnerControls"/>
    </TaxKeywordTaxHTField>
    <lcf76f155ced4ddcb4097134ff3c332f xmlns="e3bef96d-4cdc-4d98-9943-dfa3960a1d47">
      <Terms xmlns="http://schemas.microsoft.com/office/infopath/2007/PartnerControls"/>
    </lcf76f155ced4ddcb4097134ff3c332f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93B0C3BBD90846B2833C00E409ADF5" ma:contentTypeVersion="25" ma:contentTypeDescription="Create a new document." ma:contentTypeScope="" ma:versionID="a0569acedccb41dc16ae4621f88b7253">
  <xsd:schema xmlns:xsd="http://www.w3.org/2001/XMLSchema" xmlns:xs="http://www.w3.org/2001/XMLSchema" xmlns:p="http://schemas.microsoft.com/office/2006/metadata/properties" xmlns:ns2="e3bef96d-4cdc-4d98-9943-dfa3960a1d47" xmlns:ns3="78d120b3-7944-496b-a4aa-0bc4c638e67d" targetNamespace="http://schemas.microsoft.com/office/2006/metadata/properties" ma:root="true" ma:fieldsID="24099a7e810bd04097ad36f3579f9f84" ns2:_="" ns3:_="">
    <xsd:import namespace="e3bef96d-4cdc-4d98-9943-dfa3960a1d47"/>
    <xsd:import namespace="78d120b3-7944-496b-a4aa-0bc4c638e67d"/>
    <xsd:element name="properties">
      <xsd:complexType>
        <xsd:sequence>
          <xsd:element name="documentManagement">
            <xsd:complexType>
              <xsd:all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Queriesindocument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bef96d-4cdc-4d98-9943-dfa3960a1d47" elementFormDefault="qualified">
    <xsd:import namespace="http://schemas.microsoft.com/office/2006/documentManagement/types"/>
    <xsd:import namespace="http://schemas.microsoft.com/office/infopath/2007/PartnerControls"/>
    <xsd:element name="Year" ma:index="4" nillable="true" ma:displayName="Year" ma:internalName="Year" ma:readOnly="false">
      <xsd:simpleType>
        <xsd:restriction base="dms:Text">
          <xsd:maxLength value="255"/>
        </xsd:restriction>
      </xsd:simpleType>
    </xsd:element>
    <xsd:element name="EvidenceTags" ma:index="8" nillable="true" ma:displayName="Evidence Tags" ma:format="Dropdown" ma:internalName="EvidenceTags" ma:readOnly="false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9" nillable="true" ma:displayName="Added to evidence folder?" ma:default="0" ma:description="Archived to evidence folder?" ma:internalName="Evidence" ma:readOnly="false">
      <xsd:simpleType>
        <xsd:restriction base="dms:Boolean"/>
      </xsd:simpleType>
    </xsd:element>
    <xsd:element name="Queriesindocument" ma:index="10" nillable="true" ma:displayName="Queries/status" ma:internalName="Queriesindocument" ma:readOnly="false">
      <xsd:simpleType>
        <xsd:restriction base="dms:Text">
          <xsd:maxLength value="255"/>
        </xsd:restriction>
      </xsd:simpleType>
    </xsd:element>
    <xsd:element name="MediaServiceMetadata" ma:index="1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77364725-71ac-4012-9db5-6296a061aa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3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120b3-7944-496b-a4aa-0bc4c638e67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6" nillable="true" ma:taxonomy="true" ma:internalName="TaxKeywordTaxHTField" ma:taxonomyFieldName="TaxKeyword" ma:displayName="Enterprise Keywords" ma:fieldId="{23f27201-bee3-471e-b2e7-b64fd8b7ca38}" ma:taxonomyMulti="true" ma:sspId="77364725-71ac-4012-9db5-6296a061aa8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7" nillable="true" ma:displayName="Taxonomy Catch All Column" ma:hidden="true" ma:list="{48914cc1-b1b8-451d-80b0-3f83d4b4c303}" ma:internalName="TaxCatchAll" ma:showField="CatchAllData" ma:web="78d120b3-7944-496b-a4aa-0bc4c638e67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085968D5-62FE-48BD-83DA-8BAC3AA89F0E}">
  <ds:schemaRefs/>
</ds:datastoreItem>
</file>

<file path=customXml/itemProps2.xml><?xml version="1.0" encoding="utf-8"?>
<ds:datastoreItem xmlns:ds="http://schemas.openxmlformats.org/officeDocument/2006/customXml" ds:itemID="{1D2D9DEE-29D0-4CDB-A82D-C7C6F4B0AE60}">
  <ds:schemaRefs/>
</ds:datastoreItem>
</file>

<file path=customXml/itemProps3.xml><?xml version="1.0" encoding="utf-8"?>
<ds:datastoreItem xmlns:ds="http://schemas.openxmlformats.org/officeDocument/2006/customXml" ds:itemID="{842FB361-C34D-4B40-BDA0-BB17BFB17C4F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4.xml><?xml version="1.0" encoding="utf-8"?>
<ds:datastoreItem xmlns:ds="http://schemas.openxmlformats.org/officeDocument/2006/customXml" ds:itemID="{C50C9C92-5CF4-40D2-9AD2-B218A4C805E4}"/>
</file>

<file path=customXml/itemProps5.xml><?xml version="1.0" encoding="utf-8"?>
<ds:datastoreItem xmlns:ds="http://schemas.openxmlformats.org/officeDocument/2006/customXml" ds:itemID="{26024762-5B8D-4CE9-82D7-ECF67C97BA47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E6A89EB1-3D55-44AC-8111-F9A72FD859B2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8</Pages>
  <Words>758</Words>
  <Characters>4325</Characters>
  <Application>Microsoft Office Word</Application>
  <DocSecurity>0</DocSecurity>
  <Lines>36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401428-MMD-ZZ-PW-ZZ-TK-0011</vt:lpstr>
    </vt:vector>
  </TitlesOfParts>
  <Company>Connected Places Catapult</Company>
  <LinksUpToDate>false</LinksUpToDate>
  <CharactersWithSpaces>50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dc:creator>Emmi Ihalainen</dc:creator>
  <cp:keywords/>
  <dc:description/>
  <cp:lastModifiedBy>Emmi Ihalainen</cp:lastModifiedBy>
  <cp:revision>2</cp:revision>
  <dcterms:created xsi:type="dcterms:W3CDTF">2023-11-13T13:03:00Z</dcterms:created>
  <dcterms:modified xsi:type="dcterms:W3CDTF">2023-11-13T13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TaxKeyword">
    <vt:lpwstr/>
  </property>
  <property fmtid="{D5CDD505-2E9C-101B-9397-08002B2CF9AE}" pid="141" name="_dlc_DocIdItemGuid">
    <vt:lpwstr>4281ba64-0bfa-4189-aea5-a3c581ccc6d4</vt:lpwstr>
  </property>
  <property fmtid="{D5CDD505-2E9C-101B-9397-08002B2CF9AE}" pid="142" name="ContentTypeId">
    <vt:lpwstr>0x010100C993B0C3BBD90846B2833C00E409ADF5</vt:lpwstr>
  </property>
  <property fmtid="{D5CDD505-2E9C-101B-9397-08002B2CF9AE}" pid="143" name="TaxKeywordTaxHTField">
    <vt:lpwstr/>
  </property>
</Properties>
</file>